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2101\調達課\group\005調達第二\平成31年度\13_随意契約による物品購入状況の公表\02_公表作業\31_3Q\03_エクセル\02 貼付用\"/>
    </mc:Choice>
  </mc:AlternateContent>
  <bookViews>
    <workbookView xWindow="0" yWindow="0" windowWidth="19200" windowHeight="7310"/>
  </bookViews>
  <sheets>
    <sheet name="公表用" sheetId="7" r:id="rId1"/>
  </sheets>
  <definedNames>
    <definedName name="_xlnm._FilterDatabase" localSheetId="0" hidden="1">公表用!$A$1:$I$398</definedName>
    <definedName name="_xlnm.Print_Area" localSheetId="0">公表用!$A$1:$I$398</definedName>
    <definedName name="_xlnm.Print_Titles" localSheetId="0">公表用!$1:$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391" uniqueCount="1086">
  <si>
    <t>年度</t>
    <rPh sb="0" eb="2">
      <t>ネンド</t>
    </rPh>
    <phoneticPr fontId="4"/>
  </si>
  <si>
    <t>局名</t>
    <phoneticPr fontId="4"/>
  </si>
  <si>
    <t>所属名</t>
    <rPh sb="0" eb="2">
      <t>ショゾク</t>
    </rPh>
    <rPh sb="2" eb="3">
      <t>メイ</t>
    </rPh>
    <phoneticPr fontId="4"/>
  </si>
  <si>
    <t>支出負担
行為番号</t>
    <rPh sb="0" eb="2">
      <t>シシュツ</t>
    </rPh>
    <rPh sb="2" eb="4">
      <t>フタン</t>
    </rPh>
    <rPh sb="5" eb="7">
      <t>コウイ</t>
    </rPh>
    <rPh sb="7" eb="9">
      <t>バンゴウ</t>
    </rPh>
    <phoneticPr fontId="4"/>
  </si>
  <si>
    <t>件名</t>
    <rPh sb="0" eb="2">
      <t>ケンメイ</t>
    </rPh>
    <phoneticPr fontId="4"/>
  </si>
  <si>
    <t>契約金額</t>
    <rPh sb="0" eb="2">
      <t>ケイヤク</t>
    </rPh>
    <rPh sb="2" eb="4">
      <t>キンガク</t>
    </rPh>
    <phoneticPr fontId="4"/>
  </si>
  <si>
    <t>契約相手方</t>
    <rPh sb="0" eb="2">
      <t>ケイヤク</t>
    </rPh>
    <rPh sb="2" eb="4">
      <t>アイテ</t>
    </rPh>
    <rPh sb="4" eb="5">
      <t>カタ</t>
    </rPh>
    <phoneticPr fontId="4"/>
  </si>
  <si>
    <t>法人番号</t>
  </si>
  <si>
    <t>決裁日</t>
    <rPh sb="0" eb="2">
      <t>ケッサイ</t>
    </rPh>
    <rPh sb="2" eb="3">
      <t>ビ</t>
    </rPh>
    <phoneticPr fontId="4"/>
  </si>
  <si>
    <t>健康医療局</t>
  </si>
  <si>
    <t>健康危機管理課</t>
  </si>
  <si>
    <t>496310</t>
  </si>
  <si>
    <t>パウチフィルムの購入代</t>
  </si>
  <si>
    <t>（株）有隣堂　代表取締役　松信　裕</t>
  </si>
  <si>
    <t>2020001029308</t>
  </si>
  <si>
    <t>がん・疾病対策課</t>
  </si>
  <si>
    <t>418303</t>
  </si>
  <si>
    <t>がん・疾病対策課：ゴム印の購入</t>
  </si>
  <si>
    <t>（有）高橋書店　取締役　鈴木　新市</t>
  </si>
  <si>
    <t>8020002043632</t>
  </si>
  <si>
    <t>427766</t>
  </si>
  <si>
    <t>がん・疾病対策課：書籍の購入</t>
  </si>
  <si>
    <t>（株）島森書店　代表取締役社長　島森　大和</t>
  </si>
  <si>
    <t>5021001009156</t>
  </si>
  <si>
    <t>471708</t>
  </si>
  <si>
    <t>事務用品購入代</t>
  </si>
  <si>
    <t>（株）ウチムラ　代表取締役　内村　浩史</t>
  </si>
  <si>
    <t>6020001009652</t>
  </si>
  <si>
    <t>479852</t>
  </si>
  <si>
    <t>書籍購入代</t>
  </si>
  <si>
    <t>503900</t>
  </si>
  <si>
    <t>（有）鈴文堂　代表取締役　鈴木　博</t>
  </si>
  <si>
    <t>5020002032142</t>
  </si>
  <si>
    <t>542922</t>
  </si>
  <si>
    <t>ＨＤＭＩケーブルの購入</t>
  </si>
  <si>
    <t>（株）ヤマダ電機　横浜新山下営業所　所長　栗原　直規</t>
  </si>
  <si>
    <t>4070001011201</t>
  </si>
  <si>
    <t>575908</t>
  </si>
  <si>
    <t>書籍の購入</t>
  </si>
  <si>
    <t>（有）内田屋書房　代表取締役　内田　喜貴</t>
  </si>
  <si>
    <t>8021002030892</t>
  </si>
  <si>
    <t>580971</t>
  </si>
  <si>
    <t>トナーカートリッジの購入</t>
  </si>
  <si>
    <t>ゴールデン文具（株）　代表取締役　平出　晴久</t>
  </si>
  <si>
    <t>5020001026500</t>
  </si>
  <si>
    <t>医療保険課</t>
  </si>
  <si>
    <t>487183</t>
  </si>
  <si>
    <t>国民健康保険事業功労者表彰（知事表彰）に係る記念写真現像代</t>
  </si>
  <si>
    <t>（株）カメラのウエダ　代表取締役　植田　淳</t>
  </si>
  <si>
    <t>4020001025998</t>
  </si>
  <si>
    <t>533365</t>
  </si>
  <si>
    <t>医療保険課図書購入代</t>
  </si>
  <si>
    <t>総務室</t>
  </si>
  <si>
    <t>352451</t>
  </si>
  <si>
    <t>総務室：令和元年度コピー用再生紙代（８月分）</t>
  </si>
  <si>
    <t>桔梗屋紙商事（株）　代表取締役社長　早瀬　照洋</t>
  </si>
  <si>
    <t>5020001128924</t>
  </si>
  <si>
    <t>357451</t>
  </si>
  <si>
    <t>総務室：プラスチックダンボール等の購入</t>
  </si>
  <si>
    <t>（株）トシダ　代表取締役　土志田　仁</t>
  </si>
  <si>
    <t>5020001015536</t>
  </si>
  <si>
    <t>357568</t>
  </si>
  <si>
    <t>総務室：缶バッジパーツの購入</t>
  </si>
  <si>
    <t>株式会社ベック　代表取締役　ベック　ジョナサン</t>
  </si>
  <si>
    <t>6200001026761</t>
  </si>
  <si>
    <t>386992</t>
  </si>
  <si>
    <t>総務室：ステープラー針の購入（第２回目）</t>
  </si>
  <si>
    <t>（株）ミナト事務器　代表取締役　志村　俊幸</t>
  </si>
  <si>
    <t>3020001013830</t>
  </si>
  <si>
    <t>417587</t>
  </si>
  <si>
    <t>総務室：令和元年10月期健康医療局長表彰の記念品購入代</t>
  </si>
  <si>
    <t>（株）ねずらむ　代表取締役　阿久津　晄</t>
  </si>
  <si>
    <t>7020001024114</t>
  </si>
  <si>
    <t>420985</t>
  </si>
  <si>
    <t>社会福祉法人白根学園　社会就労センターのぞみ　管理者　根橋　達治</t>
  </si>
  <si>
    <t>3020005003877</t>
  </si>
  <si>
    <t>402670</t>
  </si>
  <si>
    <t>コピー用再生紙代（９月分）</t>
  </si>
  <si>
    <t>431448</t>
  </si>
  <si>
    <t>総務室：令和元年度神奈川県保健衛生表彰式に係る看板の作成等について</t>
  </si>
  <si>
    <t>（有）スター商会　代表取締役　中谷　茂征</t>
  </si>
  <si>
    <t>8020002043228</t>
  </si>
  <si>
    <t>432207</t>
  </si>
  <si>
    <t>総務室：令和元年度神奈川県保健衛生表彰式に係る盛花の設置について</t>
  </si>
  <si>
    <t>（有）花の店中村　代表取締役　中村　直人</t>
  </si>
  <si>
    <t>5020002017283</t>
  </si>
  <si>
    <t>495977</t>
  </si>
  <si>
    <t>コピー用再生紙代（10月分）</t>
  </si>
  <si>
    <t>538231</t>
  </si>
  <si>
    <t>コピー用再生紙代（11月分）</t>
  </si>
  <si>
    <t>557248</t>
  </si>
  <si>
    <t>住宅地図の購入代</t>
  </si>
  <si>
    <t>健康増進課</t>
  </si>
  <si>
    <t>367274</t>
  </si>
  <si>
    <t>健康増進課：栄養関係図書の購入</t>
  </si>
  <si>
    <t>374706</t>
  </si>
  <si>
    <t>健康増進課：ＰＣ用外付けキーボードの購入について</t>
  </si>
  <si>
    <t>386864</t>
  </si>
  <si>
    <t>健康増進課：ゴム印の購入について</t>
  </si>
  <si>
    <t>（株）実門堂　代表取締役　大熊　信良</t>
  </si>
  <si>
    <t>1020001026859</t>
  </si>
  <si>
    <t>395781</t>
  </si>
  <si>
    <t>健康増進課：複合機用インクカートリッジ購入</t>
  </si>
  <si>
    <t>416721</t>
  </si>
  <si>
    <t>健康増進課：ＰＣ用外付けディスプレイ等の購入</t>
  </si>
  <si>
    <t>439150</t>
  </si>
  <si>
    <t>ブルーライト県庁（11月14日）実施に伴うペンライトの購入代</t>
  </si>
  <si>
    <t>（株）ルミカ　代表取締役社長　原田　士郎</t>
  </si>
  <si>
    <t>2290001036384</t>
  </si>
  <si>
    <t>444195</t>
  </si>
  <si>
    <t>事務用消耗品（ラミネーターほか）購入代</t>
  </si>
  <si>
    <t>460139</t>
  </si>
  <si>
    <t>事務用消耗品（ＯＡ用紙）購入代</t>
  </si>
  <si>
    <t>株式会社こくぼ　代表取締役　小久保　行俊</t>
  </si>
  <si>
    <t>9020001011358</t>
  </si>
  <si>
    <t>467921</t>
  </si>
  <si>
    <t>未病番長トークイベント用消耗品購入代</t>
  </si>
  <si>
    <t>487187</t>
  </si>
  <si>
    <t>厚生労働統計功労者功績表彰伝達式の文字入れ写真プリント代（11月11日開催）</t>
  </si>
  <si>
    <t>546708</t>
  </si>
  <si>
    <t>事務用消耗品（PC用外付けキーボードほか）購入代</t>
  </si>
  <si>
    <t>（株）花月堂　代表取締役　吉田　耕一郎</t>
  </si>
  <si>
    <t>9020001025911</t>
  </si>
  <si>
    <t>549615</t>
  </si>
  <si>
    <t>キシリトール咀嚼チェックガムの購入代</t>
  </si>
  <si>
    <t>（株）粕谷歯科商会　代表取締役　粕谷　剛</t>
  </si>
  <si>
    <t>5021001032488</t>
  </si>
  <si>
    <t>559903</t>
  </si>
  <si>
    <t>健康・未病川柳コンクール用消耗品代</t>
  </si>
  <si>
    <t>560235</t>
  </si>
  <si>
    <t>額縁の購入代</t>
  </si>
  <si>
    <t>神奈川県建具協同組合　理事長　秋山　光雄</t>
  </si>
  <si>
    <t>2021005000097</t>
  </si>
  <si>
    <t>583933</t>
  </si>
  <si>
    <t>保健師業務に関する書籍の購入費</t>
  </si>
  <si>
    <t>薬務課</t>
  </si>
  <si>
    <t>390046</t>
  </si>
  <si>
    <t>薬務課：事務用消耗品（OAタップ及び時計）の購入</t>
  </si>
  <si>
    <t>390219</t>
  </si>
  <si>
    <t>薬務課：事務用消耗品（文房具・事務用品）の購入</t>
  </si>
  <si>
    <t>（株）トミヤ　代表取締役　佐久間　聡</t>
  </si>
  <si>
    <t>5020001035006</t>
  </si>
  <si>
    <t>392864</t>
  </si>
  <si>
    <t>薬務課：事務用消耗品（情報処理用機器材）の購入</t>
  </si>
  <si>
    <t>（株）山下商店　代表取締役　山下　孝</t>
  </si>
  <si>
    <t>1020001013915</t>
  </si>
  <si>
    <t>医療課</t>
  </si>
  <si>
    <t>382670</t>
  </si>
  <si>
    <t>医療課：「看護展望」年間購読料</t>
  </si>
  <si>
    <t>株式会社メヂカルフレンド社　代表取締役　小倉　啓史</t>
  </si>
  <si>
    <t>3010001030703</t>
  </si>
  <si>
    <t>392840</t>
  </si>
  <si>
    <t>医療課：消耗品の購入</t>
  </si>
  <si>
    <t>394033</t>
  </si>
  <si>
    <t>都築電気（株）神奈川支店　支店長　島口　裕美</t>
  </si>
  <si>
    <t>9010401054908</t>
  </si>
  <si>
    <t>443906</t>
  </si>
  <si>
    <t>物品棚の購入代</t>
  </si>
  <si>
    <t>533393</t>
  </si>
  <si>
    <t>自治医科大学医学部入試第１次試験実施に係る事務用品の購入代</t>
  </si>
  <si>
    <t>株式会社コジマ　コジマ×ビックカメラ横浜大口店　店長　金子　太郎</t>
  </si>
  <si>
    <t>2060001001667</t>
  </si>
  <si>
    <t>550252</t>
  </si>
  <si>
    <t>消耗品の購入</t>
  </si>
  <si>
    <t>567277</t>
  </si>
  <si>
    <t>神奈川県准看護師試験に係る消耗品の購入</t>
  </si>
  <si>
    <t>577133</t>
  </si>
  <si>
    <t>自治医科大学医学部入試第1次試験実施費用</t>
  </si>
  <si>
    <t>582899</t>
  </si>
  <si>
    <t>自動体外式除細動器（ＡＥＤ）の除細動パッド購入</t>
  </si>
  <si>
    <t>（株）イワサワ　代表取締役　岩澤　昌之</t>
  </si>
  <si>
    <t>9020001022421</t>
  </si>
  <si>
    <t>煤ケ谷診療所</t>
  </si>
  <si>
    <t>386937</t>
  </si>
  <si>
    <t>令和元年度下半期複写機用再生紙（特定あっせん物品）の購入</t>
  </si>
  <si>
    <t>（有）北の台文具　代表取締役　齊藤　米夫</t>
  </si>
  <si>
    <t>7021002046188</t>
  </si>
  <si>
    <t>403393</t>
  </si>
  <si>
    <t>消耗品（冷蔵・冷凍兼用ストックバック）の購入</t>
  </si>
  <si>
    <t/>
  </si>
  <si>
    <t>412592</t>
  </si>
  <si>
    <t>消耗品（オリジナルごみ袋エコノミータイプ等）の購入</t>
  </si>
  <si>
    <t>株式会社　ミリオン事務機器　代表取締役　吉野　賢治</t>
  </si>
  <si>
    <t>5021001016219</t>
  </si>
  <si>
    <t>477175</t>
  </si>
  <si>
    <t>消耗品（オリジナルトイレットロール業務用等）の購入</t>
  </si>
  <si>
    <t>492758</t>
  </si>
  <si>
    <t>ドラムユニットの購入</t>
  </si>
  <si>
    <t>平塚看護大学校</t>
  </si>
  <si>
    <t>359440</t>
  </si>
  <si>
    <t>ワンショットプラスヘキジンほか医薬品の購入</t>
  </si>
  <si>
    <t>湘南和光純薬株式会社　代表取締役　梅村　仁</t>
  </si>
  <si>
    <t>8021001036701</t>
  </si>
  <si>
    <t>369472</t>
  </si>
  <si>
    <t>レーザープリンターの購入</t>
  </si>
  <si>
    <t>（有）やなぎや　代表取締役　神保　敏由</t>
  </si>
  <si>
    <t>3021002012598</t>
  </si>
  <si>
    <t>381569</t>
  </si>
  <si>
    <t>タオルほか実習用品の購入</t>
  </si>
  <si>
    <t>383788</t>
  </si>
  <si>
    <t>保健室用品の購入</t>
  </si>
  <si>
    <t>（株）田中紙店　代表取締役　田中　耕一</t>
  </si>
  <si>
    <t>4021001036944</t>
  </si>
  <si>
    <t>408526</t>
  </si>
  <si>
    <t>クリーニングインクタンクの購入</t>
  </si>
  <si>
    <t>414278</t>
  </si>
  <si>
    <t>ローソクの購入</t>
  </si>
  <si>
    <t>（株）サン・ライフ式典事業部　サカエヤ仏壇店　代表取締役　比企　武</t>
  </si>
  <si>
    <t>2021001036517</t>
  </si>
  <si>
    <t>430039</t>
  </si>
  <si>
    <t>スタックテーブル等の購入</t>
  </si>
  <si>
    <t>432236</t>
  </si>
  <si>
    <t>蛍光灯ほかの購入</t>
  </si>
  <si>
    <t>（株）ヤマダ電機平塚営業所　所長　佐藤　篤史</t>
  </si>
  <si>
    <t>452397</t>
  </si>
  <si>
    <t>養生テープほか庁用品の購入</t>
  </si>
  <si>
    <t>464941</t>
  </si>
  <si>
    <t>第5回選定図書等の購入</t>
  </si>
  <si>
    <t>466547</t>
  </si>
  <si>
    <t>茶道具の購入</t>
  </si>
  <si>
    <t>東海製茶株式会社　代表取締役　小林　準一郎</t>
  </si>
  <si>
    <t>6021001036959</t>
  </si>
  <si>
    <t>474926</t>
  </si>
  <si>
    <t>離乳食等購入代</t>
  </si>
  <si>
    <t>平塚看護大学校　前渡金受領職員</t>
    <phoneticPr fontId="3"/>
  </si>
  <si>
    <t>482116</t>
  </si>
  <si>
    <t>衛生ロールシーツほか医療用消耗品購入</t>
  </si>
  <si>
    <t>（株）二葉医科器械　代表取締役　高橋　彰一</t>
  </si>
  <si>
    <t>1021001037342</t>
  </si>
  <si>
    <t>499897</t>
  </si>
  <si>
    <t>トイレットペーパーの購入</t>
  </si>
  <si>
    <t>株式会社　現金屋　代表取締役　小泉　弘</t>
  </si>
  <si>
    <t>8020001011268</t>
  </si>
  <si>
    <t>503203</t>
  </si>
  <si>
    <t>解剖見学セットの購入</t>
  </si>
  <si>
    <t>翼工業株式会社　代表取締役　羽根　啓介</t>
  </si>
  <si>
    <t>7011501007600</t>
  </si>
  <si>
    <t>504061</t>
  </si>
  <si>
    <t>封筒の印刷</t>
  </si>
  <si>
    <t>（福）貴峯　貴峯荘ワークピア　理事長　岩渕　壽郎</t>
  </si>
  <si>
    <t>5021005006777</t>
  </si>
  <si>
    <t>519860</t>
  </si>
  <si>
    <t>花苗等の購入</t>
  </si>
  <si>
    <t>フラワーショップ小野　小野　みつ子</t>
  </si>
  <si>
    <t>524148</t>
  </si>
  <si>
    <t>スチールロッカー等の購入</t>
  </si>
  <si>
    <t>松浦商会　代表　松浦　功容</t>
  </si>
  <si>
    <t>526152</t>
  </si>
  <si>
    <t>調理実習材料の購入</t>
  </si>
  <si>
    <t>（有）やおりん　代表取締役　内藤　安弘</t>
  </si>
  <si>
    <t>8021002059973</t>
  </si>
  <si>
    <t>527857</t>
  </si>
  <si>
    <t>RISOインク等の購入</t>
  </si>
  <si>
    <t>541056</t>
  </si>
  <si>
    <t>絵の具ほか教材の購入</t>
  </si>
  <si>
    <t>564327</t>
  </si>
  <si>
    <t>（有）高橋紙店　代表取締役　高橋　宏輔</t>
  </si>
  <si>
    <t>4021002038139</t>
  </si>
  <si>
    <t>566417</t>
  </si>
  <si>
    <t>第6回選定図書・教員用書籍の購入</t>
  </si>
  <si>
    <t>578566</t>
  </si>
  <si>
    <t>教員用書籍の購入</t>
  </si>
  <si>
    <t>株式会社　現代社　代表取締役　小南　吉彦</t>
  </si>
  <si>
    <t>3011101006320</t>
  </si>
  <si>
    <t>582073</t>
  </si>
  <si>
    <t>プロジェクターカート等の購入</t>
  </si>
  <si>
    <t>衛生看護専門学校</t>
  </si>
  <si>
    <t>371738</t>
  </si>
  <si>
    <t>文具等の購入代</t>
  </si>
  <si>
    <t>（有）ヤマキ文具店　代表取締役　八巻　健司</t>
  </si>
  <si>
    <t>7020002052519</t>
  </si>
  <si>
    <t>375012</t>
  </si>
  <si>
    <t>図書の購入代（10月購入分）</t>
  </si>
  <si>
    <t>375987</t>
  </si>
  <si>
    <t>衛生材料の購入</t>
  </si>
  <si>
    <t>望星サイエンス（株）　代表取締役　曽我　喜三郎</t>
  </si>
  <si>
    <t>4010001007106</t>
  </si>
  <si>
    <t>377230</t>
  </si>
  <si>
    <t>ハンドソープ等の購入</t>
  </si>
  <si>
    <t>（株）山村商店　代表取締役　山村　裕治</t>
  </si>
  <si>
    <t>2020001032311</t>
  </si>
  <si>
    <t>397718</t>
  </si>
  <si>
    <t>衛生材料の購入代</t>
  </si>
  <si>
    <t>サンメディックス（株）　相模原支店　支店長　小島　大二</t>
  </si>
  <si>
    <t>5010001007914</t>
  </si>
  <si>
    <t>445562</t>
  </si>
  <si>
    <t>図書の購入代（11月購入分）</t>
  </si>
  <si>
    <t>449625</t>
  </si>
  <si>
    <t>衛生材料等の購入代</t>
  </si>
  <si>
    <t>449854</t>
  </si>
  <si>
    <t>454891</t>
  </si>
  <si>
    <t>467471</t>
  </si>
  <si>
    <t>キーボード等の購入</t>
  </si>
  <si>
    <t>（株）八雲堂　代表取締役　廣澤　一雄</t>
  </si>
  <si>
    <t>2020001016198</t>
  </si>
  <si>
    <t>487691</t>
  </si>
  <si>
    <t>487756</t>
  </si>
  <si>
    <t>図書の購入代（12月購入分）</t>
  </si>
  <si>
    <t>496302</t>
  </si>
  <si>
    <t>529815</t>
  </si>
  <si>
    <t>卒業証書ファイル 購入代</t>
  </si>
  <si>
    <t>558897</t>
  </si>
  <si>
    <t>ファクシミリトナー　購入代</t>
  </si>
  <si>
    <t>（株）ワイソリューション　代表取締役　高橋　伸一</t>
  </si>
  <si>
    <t>5020001045673</t>
  </si>
  <si>
    <t>衛生研究所</t>
  </si>
  <si>
    <t>362092</t>
  </si>
  <si>
    <t>令和元年度　複写機用再生紙（下半期）</t>
  </si>
  <si>
    <t>362093</t>
  </si>
  <si>
    <t>（有）伊勢万　代表取締役　鈴木　伸好</t>
  </si>
  <si>
    <t>2021002050979</t>
  </si>
  <si>
    <t>370473</t>
  </si>
  <si>
    <t>【研究事業】ウイルス・リケッチアＧ　ソフトウェア（Prism8日本語化アドオンセット）の購入</t>
  </si>
  <si>
    <t>（株）欧文社　代表取締役　中村　重雄</t>
  </si>
  <si>
    <t>1021001019514</t>
  </si>
  <si>
    <t>372753</t>
  </si>
  <si>
    <t>令和元年度　新聞購読料（読売新聞・下半期分）</t>
  </si>
  <si>
    <t>読売センター茅ヶ崎中央　所長　星野　弘樹</t>
  </si>
  <si>
    <t>378450</t>
  </si>
  <si>
    <t>衛生研究所　電気製品類の購入</t>
  </si>
  <si>
    <t>382772</t>
  </si>
  <si>
    <t>衛生研究所　事務用消耗品の購入</t>
  </si>
  <si>
    <t>（有）扇矢　代表取締役　亀井　茂</t>
  </si>
  <si>
    <t>6021002057079</t>
  </si>
  <si>
    <t>383019</t>
  </si>
  <si>
    <t>小田原分室　事務用消耗品の購入</t>
  </si>
  <si>
    <t>388008</t>
  </si>
  <si>
    <t>小田原分室　その他消耗品の購入</t>
  </si>
  <si>
    <t>393087</t>
  </si>
  <si>
    <t>衛生研究所　図書の購入</t>
  </si>
  <si>
    <t>栄研化学株式会社　代表執行役社長　和田　守史</t>
  </si>
  <si>
    <t>2010501028231</t>
  </si>
  <si>
    <t>394695</t>
  </si>
  <si>
    <t>衛生研究所　その他消耗品の購入</t>
  </si>
  <si>
    <t>396034</t>
  </si>
  <si>
    <t>（有）長谷川書店　代表取締役　長谷川　義剛</t>
  </si>
  <si>
    <t>1021002011800</t>
  </si>
  <si>
    <t>401138</t>
  </si>
  <si>
    <t>衛生研究所　インクカートリッジ等の購入</t>
  </si>
  <si>
    <t>412408</t>
  </si>
  <si>
    <t>シアン・陽イオン分析装置ほか１件の買入れ（生活化学・放射能Ｇ）</t>
  </si>
  <si>
    <t>アルテア技研株式会社　代表取締役　江田　滋人</t>
  </si>
  <si>
    <t>6020001019354</t>
  </si>
  <si>
    <t>431598</t>
  </si>
  <si>
    <t>食品化学Ｇ　器材（ラボ用チェアー）の購入</t>
  </si>
  <si>
    <t>湘南科学（株）　代表取締役　高木　亮</t>
  </si>
  <si>
    <t>4021001009181</t>
  </si>
  <si>
    <t>449223</t>
  </si>
  <si>
    <t>備品（電動ピペット）代</t>
  </si>
  <si>
    <t>（株）チヨダサイエンス神奈川営業所　神奈川営業所長　岸　祐一郎</t>
  </si>
  <si>
    <t>7010001023050</t>
  </si>
  <si>
    <t>449944</t>
  </si>
  <si>
    <t>【研究事業】85kHz電磁波ばく露装置用延長電源コードに関わる部材の購入</t>
  </si>
  <si>
    <t>衛生研究所　前渡金受領職員</t>
    <phoneticPr fontId="3"/>
  </si>
  <si>
    <t>460932</t>
  </si>
  <si>
    <t>衛生研究所　インク・トナー購入代</t>
  </si>
  <si>
    <t>460964</t>
  </si>
  <si>
    <t>小田原分室　その他消耗品購入代</t>
  </si>
  <si>
    <t>467414</t>
  </si>
  <si>
    <t>細菌検査Ｇ　図書購入代</t>
  </si>
  <si>
    <t>467498</t>
  </si>
  <si>
    <t>衛生研究所　事務用消耗品購入代</t>
  </si>
  <si>
    <t>475406</t>
  </si>
  <si>
    <t>小田原分室　インク・トナー購入代</t>
  </si>
  <si>
    <t>475763</t>
  </si>
  <si>
    <t>衛生研究所　その他消耗品購入代</t>
  </si>
  <si>
    <t>482347</t>
  </si>
  <si>
    <t>生活化学・放射能Ｇ　電子機器類購入代</t>
  </si>
  <si>
    <t>492187</t>
  </si>
  <si>
    <t>トナーカートリッジの購入（ウイルス・リケッチアＧ）</t>
  </si>
  <si>
    <t>498985</t>
  </si>
  <si>
    <t>管理課　什器用消耗品購入代</t>
  </si>
  <si>
    <t>514940</t>
  </si>
  <si>
    <t>衛生情報課　備品購入代</t>
  </si>
  <si>
    <t>522501</t>
  </si>
  <si>
    <t>普通紙プリンタ代（電子天びん構成・付属品）</t>
  </si>
  <si>
    <t>532085</t>
  </si>
  <si>
    <t>衛生研究所　器材購入代</t>
  </si>
  <si>
    <t>グリーム株式会社　代表取締役　飯村　稔</t>
  </si>
  <si>
    <t>4021001056620</t>
  </si>
  <si>
    <t>533247</t>
  </si>
  <si>
    <t>【研究事業】総務省受託事業に係るその他消耗品（クレシアEFハンドタオルソフト）購入</t>
  </si>
  <si>
    <t>548220</t>
  </si>
  <si>
    <t>85kHz電磁波被ばく露装置用部品代（蛍光式光ファイバー温度計ほか）</t>
  </si>
  <si>
    <t>557149</t>
  </si>
  <si>
    <t>563778</t>
  </si>
  <si>
    <t>【研究事業・間接経費】レーザーポインターほかの購入</t>
  </si>
  <si>
    <t>563807</t>
  </si>
  <si>
    <t>【研究事業・間接経費】アングルロータの購入</t>
  </si>
  <si>
    <t>569355</t>
  </si>
  <si>
    <t>577181</t>
  </si>
  <si>
    <t>577776</t>
  </si>
  <si>
    <t>578511</t>
  </si>
  <si>
    <t>衛生研究所　図書購入代</t>
  </si>
  <si>
    <t>578663</t>
  </si>
  <si>
    <t>衛生研究所　電気製品類購入代</t>
  </si>
  <si>
    <t>日欧事務機株式会社　本社　営業部長　小林　治</t>
  </si>
  <si>
    <t>5021001001666</t>
  </si>
  <si>
    <t>579171</t>
  </si>
  <si>
    <t>【研究事業・間接経費】生活化学・放射能G　ミニポンプの購入</t>
  </si>
  <si>
    <t>579178</t>
  </si>
  <si>
    <t>【研究事業・間接経費】ウイルス・リケッチアG　プロジェクターほかの購入</t>
  </si>
  <si>
    <t>585175</t>
  </si>
  <si>
    <t>【研究事業・間接経費】事務用消耗品（パンチレスファイルほか）の購入</t>
  </si>
  <si>
    <t>585554</t>
  </si>
  <si>
    <t>その他消耗品購入代（ハンドソープほか）</t>
  </si>
  <si>
    <t>よこはま看護専門学校</t>
  </si>
  <si>
    <t>380354</t>
  </si>
  <si>
    <t>授業用消耗品（日本の伝統芸術）の購入について</t>
  </si>
  <si>
    <t>菓匠寿々木本店　矢部　延幸</t>
  </si>
  <si>
    <t>383565</t>
  </si>
  <si>
    <t>令和元年度下半期　複写機用再生紙の購入について</t>
  </si>
  <si>
    <t>（株）横浜コンピューターサプライ　代表取締役　池田　広</t>
  </si>
  <si>
    <t>7020001013975</t>
  </si>
  <si>
    <t>386699</t>
  </si>
  <si>
    <t>授業用消耗品（日本の伝統芸術　抹茶）の購入について</t>
  </si>
  <si>
    <t>（株）渡邉園　代表取締役　渡邉　敏生</t>
  </si>
  <si>
    <t>2020001032542</t>
  </si>
  <si>
    <t>386782</t>
  </si>
  <si>
    <t>蛍光ランプの購入について</t>
  </si>
  <si>
    <t>妙光電機（株）　代表取締役　田中　一</t>
  </si>
  <si>
    <t>5020001005660</t>
  </si>
  <si>
    <t>386966</t>
  </si>
  <si>
    <t>演習用物品の購入について</t>
  </si>
  <si>
    <t>株式会社ワイ・ビー・シー　代表取締役　吉本英二</t>
  </si>
  <si>
    <t>6010001082329</t>
  </si>
  <si>
    <t>394182</t>
  </si>
  <si>
    <t>式典用品及び事務用品の購入について</t>
  </si>
  <si>
    <t>(株）マルハチ　代表取締役　八木　幹雄</t>
  </si>
  <si>
    <t>4020001018845</t>
  </si>
  <si>
    <t>403691</t>
  </si>
  <si>
    <t>健康体力科学用物品の購入について</t>
  </si>
  <si>
    <t>405335</t>
  </si>
  <si>
    <t>マスターキーの購入について</t>
  </si>
  <si>
    <t>（有）清水屋金物店　代表取締役　浅海　信之</t>
  </si>
  <si>
    <t>9020002021496</t>
  </si>
  <si>
    <t>427843</t>
  </si>
  <si>
    <t>ワイヤレスマイクロホン購入代</t>
  </si>
  <si>
    <t>442579</t>
  </si>
  <si>
    <t>事務用品等の購入について</t>
  </si>
  <si>
    <t>446695</t>
  </si>
  <si>
    <t>演習用物品（シリンジ等）の購入</t>
  </si>
  <si>
    <t>（株）星医療酸器　代表取締役　星　幸男</t>
  </si>
  <si>
    <t>2011801011868</t>
  </si>
  <si>
    <t>483560</t>
  </si>
  <si>
    <t>ベビーフード購入代</t>
  </si>
  <si>
    <t>（有）二川屋商店　代表取締役　相澤　光雄</t>
  </si>
  <si>
    <t>4020002047892</t>
  </si>
  <si>
    <t>484919</t>
  </si>
  <si>
    <t>ゴム印購入代</t>
  </si>
  <si>
    <t>（有）酒井　代表取締役　酒井　純一</t>
  </si>
  <si>
    <t>7020002038204</t>
  </si>
  <si>
    <t>489997</t>
  </si>
  <si>
    <t>ベビーフード（粉ミルク等）購入代</t>
  </si>
  <si>
    <t>中北薬品株式会社　横浜西支店　支店長　中野　政行</t>
  </si>
  <si>
    <t>6180001039139</t>
  </si>
  <si>
    <t>503932</t>
  </si>
  <si>
    <t>事務用チェアの購入　調達番号　横19498号</t>
  </si>
  <si>
    <t>株式会社テーブルワン　代表取締役　土志田　仁</t>
  </si>
  <si>
    <t>2020001040925</t>
  </si>
  <si>
    <t>577698</t>
  </si>
  <si>
    <t>図書室用新聞の購読料について（第４四半期分）</t>
  </si>
  <si>
    <t>（有）読売二俣川駅前　代表取締役　池内　新太郎</t>
  </si>
  <si>
    <t>3020002074467</t>
  </si>
  <si>
    <t>577699</t>
  </si>
  <si>
    <t>（有）エルダー　代表取締役　土方　博希</t>
  </si>
  <si>
    <t>9020002020804</t>
  </si>
  <si>
    <t>581444</t>
  </si>
  <si>
    <t>卒業式用演台花等の購入</t>
  </si>
  <si>
    <t>ポルトボヌール　代表　細谷洋子</t>
  </si>
  <si>
    <t>581833</t>
  </si>
  <si>
    <t>ベビーベッド等の購入</t>
  </si>
  <si>
    <t>食肉衛生検査所</t>
  </si>
  <si>
    <t>367317</t>
  </si>
  <si>
    <t>事務用消耗品（プラファスナーほか）</t>
  </si>
  <si>
    <t>375098</t>
  </si>
  <si>
    <t>現場用長靴購入代</t>
  </si>
  <si>
    <t>（有）ウエキ文具センター　代表取締役　植木　博一</t>
  </si>
  <si>
    <t>5021002040110</t>
  </si>
  <si>
    <t>375348</t>
  </si>
  <si>
    <t>事務用消耗品（トナーカートリッジほか）</t>
  </si>
  <si>
    <t>386685</t>
  </si>
  <si>
    <t>事務用消耗品（合鍵作製ほか）</t>
  </si>
  <si>
    <t>386837</t>
  </si>
  <si>
    <t>令和元年度　下半期複写機用紙代として</t>
  </si>
  <si>
    <t>388479</t>
  </si>
  <si>
    <t>検査機器（恒温水槽）購入代として（備品）</t>
  </si>
  <si>
    <t>391448</t>
  </si>
  <si>
    <t>ヒューズの購入代として（電気室内・高圧負荷開閉器内ヒューズ）</t>
  </si>
  <si>
    <t>（有）永野電工　代表取締役　永野　利一</t>
  </si>
  <si>
    <t>9021002032640</t>
  </si>
  <si>
    <t>400654</t>
  </si>
  <si>
    <t>庁舎用消耗品（マイティージャガー油剤ほか）</t>
  </si>
  <si>
    <t>405023</t>
  </si>
  <si>
    <t>その他消耗品（トイレットペーパーほか）</t>
  </si>
  <si>
    <t>460740</t>
  </si>
  <si>
    <t>庁舎用消耗品（トイレットペーパー）購入代</t>
  </si>
  <si>
    <t>ニッパ株式会社　代表取締役　秋本　りつ子</t>
  </si>
  <si>
    <t>2020001021339</t>
  </si>
  <si>
    <t>467269</t>
  </si>
  <si>
    <t>事務用消耗品（トナーカートリッジ）購入代</t>
  </si>
  <si>
    <t>ヤマダ電機平塚営業所　所長　佐藤　篤史</t>
  </si>
  <si>
    <t>468611</t>
  </si>
  <si>
    <t>図書（食品衛生小六法）購入代</t>
  </si>
  <si>
    <t>（有）越地書店　代表取締役　越地　祐一郎</t>
  </si>
  <si>
    <t>3021002057734</t>
  </si>
  <si>
    <t>503473</t>
  </si>
  <si>
    <t>検査用消耗品（足ホットインソール）購入代</t>
  </si>
  <si>
    <t>山田（株）　代表取締役　四方　英雄</t>
  </si>
  <si>
    <t>6010501014062</t>
  </si>
  <si>
    <t>534494</t>
  </si>
  <si>
    <t>事務用消耗品（キャリングバックスリム）購入代</t>
  </si>
  <si>
    <t>537981</t>
  </si>
  <si>
    <t>検査用消耗品（検査用割烹着）購入代</t>
  </si>
  <si>
    <t>船橋株式会社　代表取締役　舟橋　昭彦</t>
  </si>
  <si>
    <t>4180001032533</t>
  </si>
  <si>
    <t>550933</t>
  </si>
  <si>
    <t>事務用消耗品（マネージャーチェア）購入代</t>
  </si>
  <si>
    <t>574934</t>
  </si>
  <si>
    <t>庁舎用消耗品（送風付きファンヒーター）購入代</t>
  </si>
  <si>
    <t>585495</t>
  </si>
  <si>
    <t>庁舎用消耗品（パイプユニッシュほか）購入代</t>
  </si>
  <si>
    <t>生活衛生課</t>
  </si>
  <si>
    <t>380499</t>
  </si>
  <si>
    <t>生活衛生課：書籍の購入</t>
  </si>
  <si>
    <t>445896</t>
  </si>
  <si>
    <t>消耗品（収去用ポリエチレン袋）の購入代</t>
  </si>
  <si>
    <t>株式会社かねひろ　代表取締役社長　土田　博美</t>
  </si>
  <si>
    <t>4410001000895</t>
  </si>
  <si>
    <t>467251</t>
  </si>
  <si>
    <t>アルコール探知器等の購入代</t>
  </si>
  <si>
    <t>486857</t>
  </si>
  <si>
    <t>図書購入代</t>
  </si>
  <si>
    <t>新日本法規出版（株）　代表取締役社長　星　謙一郎</t>
  </si>
  <si>
    <t>5180001036822</t>
  </si>
  <si>
    <t>494932</t>
  </si>
  <si>
    <t>公益社団法人　日本食品衛生協会　理事長　鵜飼　良平</t>
  </si>
  <si>
    <t>2011005003308</t>
  </si>
  <si>
    <t>525893</t>
  </si>
  <si>
    <t>528194</t>
  </si>
  <si>
    <t>クリーニング師試験実施実技試験（布地の鑑別）に使用する布地の購入代</t>
  </si>
  <si>
    <t>（株）色染社　代表取締役　皆木　光</t>
  </si>
  <si>
    <t>3120001064863</t>
  </si>
  <si>
    <t>531752</t>
  </si>
  <si>
    <t>インクカートリッジ購入代</t>
  </si>
  <si>
    <t>540624</t>
  </si>
  <si>
    <t>食の安全・安心審議会委員委嘱状用紙購入代</t>
  </si>
  <si>
    <t>（株）マルハチ　代表取締役　八木　幹雄</t>
  </si>
  <si>
    <t>567164</t>
  </si>
  <si>
    <t>定期購読誌購入代（第４四半期分）</t>
  </si>
  <si>
    <t>ＡＳＡ関内（（株）出本メディアサービス）　代表取締役　出本　啓司</t>
  </si>
  <si>
    <t>5020001048577</t>
  </si>
  <si>
    <t>578575</t>
  </si>
  <si>
    <t>変動超音波式猫被害軽減器購入代</t>
  </si>
  <si>
    <t>ユーシン（株）　代表取締役　寺村　一仁</t>
  </si>
  <si>
    <t>9020001005698</t>
  </si>
  <si>
    <t>581740</t>
  </si>
  <si>
    <t>優良衛生技能者等表彰式に用いる事務用品等購入代</t>
  </si>
  <si>
    <t>平塚保健福祉事務所</t>
  </si>
  <si>
    <t>371955</t>
  </si>
  <si>
    <t>複写用再生紙代として（９月２０日分）</t>
  </si>
  <si>
    <t>379013</t>
  </si>
  <si>
    <t>事務用品の購入代</t>
  </si>
  <si>
    <t>392171</t>
  </si>
  <si>
    <t>図書類代として</t>
  </si>
  <si>
    <t>399747</t>
  </si>
  <si>
    <t>雑品類外の購入について</t>
  </si>
  <si>
    <t>407185</t>
  </si>
  <si>
    <t>ゴム印代として</t>
  </si>
  <si>
    <t>笠井印房　笠井　一栄</t>
  </si>
  <si>
    <t>429145</t>
  </si>
  <si>
    <t>事務用品等の購入代</t>
  </si>
  <si>
    <t>447950</t>
  </si>
  <si>
    <t>複写用再生紙代として（１０月２９日分）</t>
  </si>
  <si>
    <t>503725</t>
  </si>
  <si>
    <t>雑品類として</t>
  </si>
  <si>
    <t>524352</t>
  </si>
  <si>
    <t>複写用再生紙代として（１１月１８日分）</t>
  </si>
  <si>
    <t>547319</t>
  </si>
  <si>
    <t>548635</t>
  </si>
  <si>
    <t>561925</t>
  </si>
  <si>
    <t>雑品類（救急絆創膏）代として</t>
  </si>
  <si>
    <t>株式会社　東京法規出版　代表取締役　菅　国典</t>
  </si>
  <si>
    <t>1010001005285</t>
  </si>
  <si>
    <t>572819</t>
  </si>
  <si>
    <t>自転車の購入について</t>
  </si>
  <si>
    <t>株式会社　大塚　商店　代表取締役　大塚　征彦</t>
  </si>
  <si>
    <t>4021001036259</t>
  </si>
  <si>
    <t>573944</t>
  </si>
  <si>
    <t>地図購入代</t>
  </si>
  <si>
    <t>（株）明細地図社　代表取締役　片山　芳男</t>
  </si>
  <si>
    <t>6021001002218</t>
  </si>
  <si>
    <t>574199</t>
  </si>
  <si>
    <t>事務用品外購入代</t>
  </si>
  <si>
    <t>578505</t>
  </si>
  <si>
    <t>雑誌代として（第４四半期）</t>
  </si>
  <si>
    <t>580856</t>
  </si>
  <si>
    <t>啓発事業・訓練用等ベストの購入について</t>
  </si>
  <si>
    <t>相日防災（株）　代表取締役　黒澤　麻志</t>
  </si>
  <si>
    <t>9020001000765</t>
  </si>
  <si>
    <t>580918</t>
  </si>
  <si>
    <t>トナー購入代</t>
  </si>
  <si>
    <t>582037</t>
  </si>
  <si>
    <t>建具の購入について</t>
  </si>
  <si>
    <t>582477</t>
  </si>
  <si>
    <t>書籍購入代（歯科用）</t>
  </si>
  <si>
    <t>鎌倉保健福祉事務所</t>
  </si>
  <si>
    <t>359807</t>
  </si>
  <si>
    <t>雑誌購入代　第３四半期分</t>
  </si>
  <si>
    <t>（有）たらば　たらば書房　取締役　志村　文明</t>
  </si>
  <si>
    <t>9021002015100</t>
  </si>
  <si>
    <t>364816</t>
  </si>
  <si>
    <t>ヘルメット付き避難セット他購入代</t>
  </si>
  <si>
    <t>（株）丸鈴商事　代表取締役　露原　智博</t>
  </si>
  <si>
    <t>4020001042226</t>
  </si>
  <si>
    <t>371475</t>
  </si>
  <si>
    <t>複写用再生紙代（9月）</t>
  </si>
  <si>
    <t>（株）よしかわオフィス　代表取締役　吉川　文憲</t>
  </si>
  <si>
    <t>4021001041291</t>
  </si>
  <si>
    <t>373097</t>
  </si>
  <si>
    <t>証明写真焼増し代（９月）</t>
  </si>
  <si>
    <t>（有）カメラ鎌倉堂　代表取締役　森　静一</t>
  </si>
  <si>
    <t>7021002014343</t>
  </si>
  <si>
    <t>378448</t>
  </si>
  <si>
    <t>捺印マット他購入代</t>
  </si>
  <si>
    <t>420821</t>
  </si>
  <si>
    <t>備品（LED照明灯）購入代</t>
  </si>
  <si>
    <t>有限会社佐藤薬局　代表取締役　佐藤周一</t>
  </si>
  <si>
    <t>4021002071494</t>
  </si>
  <si>
    <t>441567</t>
  </si>
  <si>
    <t>消耗品（複写用再生紙）購入代</t>
  </si>
  <si>
    <t>444823</t>
  </si>
  <si>
    <t>消耗品（両面テープほか）購入代</t>
  </si>
  <si>
    <t>445048</t>
  </si>
  <si>
    <t>消耗品（ペーパーパンチほか）購入代</t>
  </si>
  <si>
    <t>502944</t>
  </si>
  <si>
    <t>その他消耗品(スタットレススチールホイールセット）購入代</t>
  </si>
  <si>
    <t>トヨタカローラ横浜株式会社　代表取締役　秋山　豊</t>
  </si>
  <si>
    <t>5020001027812</t>
  </si>
  <si>
    <t>512031</t>
  </si>
  <si>
    <t>消耗品（どこでもシートほか）購入代</t>
  </si>
  <si>
    <t>516522</t>
  </si>
  <si>
    <t>国民衛生の動向2019/2020他購入代</t>
  </si>
  <si>
    <t>517096</t>
  </si>
  <si>
    <t>消耗品（複写用再生紙）購入代（11月分）</t>
  </si>
  <si>
    <t>517204</t>
  </si>
  <si>
    <t>消耗品（結束バンドほか）購入代</t>
  </si>
  <si>
    <t>570573</t>
  </si>
  <si>
    <t>雑誌購入代</t>
  </si>
  <si>
    <t>573562</t>
  </si>
  <si>
    <t>消耗品（トイレットペーパー）購入代</t>
  </si>
  <si>
    <t>ニッパ（株）　代表取締役　秋本　りつ子</t>
  </si>
  <si>
    <t>小田原保健福祉事務所</t>
  </si>
  <si>
    <t>362225</t>
  </si>
  <si>
    <t>雑誌購入代（第３四半期）</t>
  </si>
  <si>
    <t>（有）平井書店　代表取締役　平井　義人</t>
  </si>
  <si>
    <t>8021002052895</t>
  </si>
  <si>
    <t>363205</t>
  </si>
  <si>
    <t>自転車バッテリーの購入</t>
  </si>
  <si>
    <t>（有）遠藤商会　代表取締役　遠藤雅佳</t>
  </si>
  <si>
    <t>9021002051153</t>
  </si>
  <si>
    <t>376520</t>
  </si>
  <si>
    <t>事務用品の購入</t>
  </si>
  <si>
    <t>378235</t>
  </si>
  <si>
    <t>令和元年度　結核研究所研修に係る教材代　　【結核行政担当者コース】</t>
  </si>
  <si>
    <t>公益財団法人　結核予防会　結核研究所　所長　加藤　誠也</t>
  </si>
  <si>
    <t>2010005015593</t>
  </si>
  <si>
    <t>383916</t>
  </si>
  <si>
    <t>399257</t>
  </si>
  <si>
    <t>事務事業執行上の資金前途金（11月）</t>
  </si>
  <si>
    <t>小田原保健福祉事務所　前渡金受領職員</t>
    <phoneticPr fontId="3"/>
  </si>
  <si>
    <t>430040</t>
  </si>
  <si>
    <t>図書の購入（日本食品衛生協会）</t>
  </si>
  <si>
    <t>（公社）日本食品衛生協会　理事長　鵜飼　良平</t>
  </si>
  <si>
    <t>3011005000122</t>
  </si>
  <si>
    <t>437533</t>
  </si>
  <si>
    <t>事務用品（コピーペーパーほか）購入代</t>
  </si>
  <si>
    <t>437737</t>
  </si>
  <si>
    <t>453691</t>
  </si>
  <si>
    <t>複写機用再生紙購入代</t>
  </si>
  <si>
    <t>458978</t>
  </si>
  <si>
    <t>湯川文具店　代表者　湯川　容子</t>
  </si>
  <si>
    <t>476432</t>
  </si>
  <si>
    <t>事務事業執行上の資金前渡金（12月分）【需用費・使用料】</t>
  </si>
  <si>
    <t>479674</t>
  </si>
  <si>
    <t>消耗品（ペタンコ）購入代</t>
  </si>
  <si>
    <t>509868</t>
  </si>
  <si>
    <t>スタッドレスタイヤ購入代</t>
  </si>
  <si>
    <t>相原興業株式会社　カーマート車検センター　代表取締役　相原　孝光</t>
  </si>
  <si>
    <t>6021001032479</t>
  </si>
  <si>
    <t>515864</t>
  </si>
  <si>
    <t>雑誌（Be増刊）購入代</t>
  </si>
  <si>
    <t>516065</t>
  </si>
  <si>
    <t>雑誌「歯科衛生士」購入代（第４四半期分）</t>
  </si>
  <si>
    <t>527250</t>
  </si>
  <si>
    <t>528394</t>
  </si>
  <si>
    <t>事務用品（カッティングマットほか）購入代</t>
  </si>
  <si>
    <t>544190</t>
  </si>
  <si>
    <t>（株）武書店　代表取締役　武　芳和</t>
  </si>
  <si>
    <t>8021001034184</t>
  </si>
  <si>
    <t>544521</t>
  </si>
  <si>
    <t>消耗品（キーボード・マウスセットほか）購入代</t>
  </si>
  <si>
    <t>株式会社ヤマダ電機　鴨宮営業所　所長　飯田　将仁</t>
  </si>
  <si>
    <t>553279</t>
  </si>
  <si>
    <t>事務事業執行上の資金前渡金（１月分）【需用費・使用料】</t>
  </si>
  <si>
    <t>562539</t>
  </si>
  <si>
    <t>事務用品（マグネットシートほか）購入代</t>
  </si>
  <si>
    <t>563137</t>
  </si>
  <si>
    <t>581597</t>
  </si>
  <si>
    <t>シュレッダー購入代</t>
  </si>
  <si>
    <t>582563</t>
  </si>
  <si>
    <t>雑誌購入代（第４四半期）</t>
  </si>
  <si>
    <t>583360</t>
  </si>
  <si>
    <t>「厚生福祉」購読料（第４四半期）</t>
  </si>
  <si>
    <t>（株）時事通信社　代表取締役社長　大室　真生</t>
  </si>
  <si>
    <t>7010001018703</t>
  </si>
  <si>
    <t>585126</t>
  </si>
  <si>
    <t>平塚保健福祉事務所茅ヶ崎支所</t>
  </si>
  <si>
    <t>452295</t>
  </si>
  <si>
    <t>書籍の購入代</t>
  </si>
  <si>
    <t>（有）長谷川書店　代表取締役　長谷川　稔</t>
  </si>
  <si>
    <t>461930</t>
  </si>
  <si>
    <t>エビナ文具　代表　川田　豊華</t>
  </si>
  <si>
    <t>504982</t>
  </si>
  <si>
    <t>消耗品代</t>
  </si>
  <si>
    <t>株式会社ヤマダ電機　　茅ヶ崎営業所　所長　古別府　達也</t>
  </si>
  <si>
    <t>506810</t>
  </si>
  <si>
    <t>サンワサプライ株式会社　代表取締役社長　山田和範</t>
  </si>
  <si>
    <t>7260001003085</t>
  </si>
  <si>
    <t>553539</t>
  </si>
  <si>
    <t>島忠ホームセンター茅ヶ崎店　店長　松村　洋</t>
  </si>
  <si>
    <t>1030001004269</t>
  </si>
  <si>
    <t>560572</t>
  </si>
  <si>
    <t>鎌倉保健福祉事務所三崎センター</t>
  </si>
  <si>
    <t>367105</t>
  </si>
  <si>
    <t>（株）よしかわオフイス　代表取締役　吉川　文憲</t>
  </si>
  <si>
    <t>378438</t>
  </si>
  <si>
    <t>インクカートリッジ他購入代</t>
  </si>
  <si>
    <t>（有）やおしめ文具店　代表取締役　古郡　勝洋</t>
  </si>
  <si>
    <t>8021002067349</t>
  </si>
  <si>
    <t>386594</t>
  </si>
  <si>
    <t>セキュリティワイヤ―購入代</t>
  </si>
  <si>
    <t>（有）山仙商店　代表取締役　山田　公一</t>
  </si>
  <si>
    <t>2021002067445</t>
  </si>
  <si>
    <t>393650</t>
  </si>
  <si>
    <t>表彰式壇上用盛り花購入代</t>
  </si>
  <si>
    <t>（有）三浦花園　代表取締役　山内　慎吾</t>
  </si>
  <si>
    <t>2021002071819</t>
  </si>
  <si>
    <t>405471</t>
  </si>
  <si>
    <t>ペーパータオル他購入代</t>
  </si>
  <si>
    <t>406125</t>
  </si>
  <si>
    <t>調理のためのベーシックデータ他の購入代</t>
  </si>
  <si>
    <t>（有）佐久間書店　代表取締役　佐久間　孝</t>
  </si>
  <si>
    <t>2021002071496</t>
  </si>
  <si>
    <t>413566</t>
  </si>
  <si>
    <t>テーブルクロス他購入代</t>
  </si>
  <si>
    <t>有限会社　あいざわ商店　代表取締役　會澤　喜一</t>
  </si>
  <si>
    <t>9021002071259</t>
  </si>
  <si>
    <t>419190</t>
  </si>
  <si>
    <t>ベニヤ板ほか購入代</t>
  </si>
  <si>
    <t>日洋物産（株）　代表取締役　加藤　建雄</t>
  </si>
  <si>
    <t>6021001040878</t>
  </si>
  <si>
    <t>436985</t>
  </si>
  <si>
    <t>庁舎複製キー他購入代</t>
  </si>
  <si>
    <t>（有）青柳商店　代表取締役　青柳　清</t>
  </si>
  <si>
    <t>4021002062436</t>
  </si>
  <si>
    <t>440517</t>
  </si>
  <si>
    <t>平成３１年度証明写真　　１０月分</t>
  </si>
  <si>
    <t>アイバ写真スタジオ　相葉　信忠</t>
  </si>
  <si>
    <t>444218</t>
  </si>
  <si>
    <t>グリース購入代</t>
  </si>
  <si>
    <t>有限会社　暖冷サービス　代表取締役　千賀　勝彦</t>
  </si>
  <si>
    <t>7010002022308</t>
  </si>
  <si>
    <t>447118</t>
  </si>
  <si>
    <t>募金箱購入代</t>
  </si>
  <si>
    <t>458781</t>
  </si>
  <si>
    <t>集合写真購入代</t>
  </si>
  <si>
    <t>470442</t>
  </si>
  <si>
    <t>賞状額他購入代</t>
  </si>
  <si>
    <t>472732</t>
  </si>
  <si>
    <t>テンキー購入代</t>
  </si>
  <si>
    <t>（株）ワイソリユーシヨン　代表取締役　高橋　伸一</t>
  </si>
  <si>
    <t>477818</t>
  </si>
  <si>
    <t>マグネットシート他購入代</t>
  </si>
  <si>
    <t>488711</t>
  </si>
  <si>
    <t>タッチアップペイント購入代</t>
  </si>
  <si>
    <t>トヨタカローラ神奈川株式会社　大船店店長　海老澤　陽平</t>
  </si>
  <si>
    <t>7020001010287</t>
  </si>
  <si>
    <t>492714</t>
  </si>
  <si>
    <t>アルミニウム板ほか購入代</t>
  </si>
  <si>
    <t>510360</t>
  </si>
  <si>
    <t>平成３１年度証明写真　１１月分</t>
  </si>
  <si>
    <t>518564</t>
  </si>
  <si>
    <t>雑誌「臨床栄養」第４四半期購入代</t>
  </si>
  <si>
    <t>530221</t>
  </si>
  <si>
    <t>雑誌「歯科衛生士」第４四半期購入代</t>
  </si>
  <si>
    <t>クインテッセンス出版（株）　代表取締役　北峯　康充</t>
  </si>
  <si>
    <t>7010001015072</t>
  </si>
  <si>
    <t>534229</t>
  </si>
  <si>
    <t>食品衛生小六法令和２年版　購入代</t>
  </si>
  <si>
    <t>534517</t>
  </si>
  <si>
    <t>トナーカートリッジ購入代</t>
  </si>
  <si>
    <t>534652</t>
  </si>
  <si>
    <t>テンキー他　購入代</t>
  </si>
  <si>
    <t>546094</t>
  </si>
  <si>
    <t>アルカリボタン電池購入代</t>
  </si>
  <si>
    <t>546167</t>
  </si>
  <si>
    <t>メタルハライドランプ他購入代</t>
  </si>
  <si>
    <t>563125</t>
  </si>
  <si>
    <t>ファイリングキャビネット購入代</t>
  </si>
  <si>
    <t>581581</t>
  </si>
  <si>
    <t>家庭用品試買試験検査に係る物品購入代</t>
  </si>
  <si>
    <t>鎌倉保健福祉事務所三崎センター　前渡金受領職員</t>
    <phoneticPr fontId="3"/>
  </si>
  <si>
    <t>平塚保健福祉事務所秦野センター</t>
  </si>
  <si>
    <t>359209</t>
  </si>
  <si>
    <t>複写機用再生紙代（第３四半期）</t>
  </si>
  <si>
    <t>360820</t>
  </si>
  <si>
    <t>新聞代(第３四半期)</t>
  </si>
  <si>
    <t>佐藤販売（株）ＡＳＡ秦野　代表取締役　佐藤　新吾</t>
  </si>
  <si>
    <t>2021001021097</t>
  </si>
  <si>
    <t>360821</t>
  </si>
  <si>
    <t>ＹＣ読売センター秦野　所長　古橋　太一</t>
  </si>
  <si>
    <t>361543</t>
  </si>
  <si>
    <t>ドライアイスの購入</t>
  </si>
  <si>
    <t>尾崎理化（株）　代表取締役　尾崎　勲</t>
  </si>
  <si>
    <t>2021001016122</t>
  </si>
  <si>
    <t>366182</t>
  </si>
  <si>
    <t>厚生福祉(第３四半期分)購読料</t>
  </si>
  <si>
    <t>367113</t>
  </si>
  <si>
    <t>10月分　雑誌代</t>
  </si>
  <si>
    <t>（株）港北　伊勢原営業所　ブックス望星書店　店長　越野　剛史</t>
  </si>
  <si>
    <t>5011301002381</t>
  </si>
  <si>
    <t>369446</t>
  </si>
  <si>
    <t>追録代「新日本法規」下半期分</t>
  </si>
  <si>
    <t>373415</t>
  </si>
  <si>
    <t>388778</t>
  </si>
  <si>
    <t>医療用消耗品の購入</t>
  </si>
  <si>
    <t>402979</t>
  </si>
  <si>
    <t>プロジェクターの購入</t>
  </si>
  <si>
    <t>404664</t>
  </si>
  <si>
    <t>事務用消耗品の購入</t>
  </si>
  <si>
    <t>405174</t>
  </si>
  <si>
    <t>表彰式用消耗品代</t>
  </si>
  <si>
    <t>（株）アイエンス　代表取締役　佐藤　哲男</t>
  </si>
  <si>
    <t>7021001022396</t>
  </si>
  <si>
    <t>447411</t>
  </si>
  <si>
    <t>雑誌代（11月分）</t>
  </si>
  <si>
    <t>452864</t>
  </si>
  <si>
    <t>事務用消耗品代</t>
  </si>
  <si>
    <t>504995</t>
  </si>
  <si>
    <t>書籍代</t>
  </si>
  <si>
    <t>512697</t>
  </si>
  <si>
    <t>519827</t>
  </si>
  <si>
    <t>523553</t>
  </si>
  <si>
    <t>531160</t>
  </si>
  <si>
    <t>ディスプレイ代</t>
  </si>
  <si>
    <t>531455</t>
  </si>
  <si>
    <t>歯科用消耗品代</t>
  </si>
  <si>
    <t>533854</t>
  </si>
  <si>
    <t>ゴム印代</t>
  </si>
  <si>
    <t>ひかり印章　代表　西村　謙二</t>
  </si>
  <si>
    <t>536962</t>
  </si>
  <si>
    <t>（株）ダイアテックス神奈川営業部　部長　遠藤　武</t>
  </si>
  <si>
    <t>7010001022135</t>
  </si>
  <si>
    <t>558711</t>
  </si>
  <si>
    <t>新聞代（第４四半期）</t>
  </si>
  <si>
    <t>558712</t>
  </si>
  <si>
    <t>571531</t>
  </si>
  <si>
    <t>衛生監視用消耗品代</t>
  </si>
  <si>
    <t>580093</t>
  </si>
  <si>
    <t>複写機用再生紙代（第４四半期）</t>
  </si>
  <si>
    <t>厚木保健福祉事務所</t>
  </si>
  <si>
    <t>367279</t>
  </si>
  <si>
    <t>執務室整備用コンパネ購入代</t>
  </si>
  <si>
    <t>367669</t>
  </si>
  <si>
    <t>書籍「医療六法」</t>
  </si>
  <si>
    <t>中央法規出版（株）　代表取締役社長　荘村　明彦</t>
  </si>
  <si>
    <t>1200001003377</t>
  </si>
  <si>
    <t>372069</t>
  </si>
  <si>
    <t>事務用消耗品　ナンバリングほか</t>
  </si>
  <si>
    <t>374032</t>
  </si>
  <si>
    <t>保健衛生表彰式用　生花アレンジメント</t>
  </si>
  <si>
    <t>カトレア生花店　桑原　洋一</t>
  </si>
  <si>
    <t>378669</t>
  </si>
  <si>
    <t>事務用消耗品　テープのりほか</t>
  </si>
  <si>
    <t>409237</t>
  </si>
  <si>
    <t>事務用消耗品　パネルほか</t>
  </si>
  <si>
    <t>422822</t>
  </si>
  <si>
    <t>保健予防事業用　採血チェア</t>
  </si>
  <si>
    <t>449553</t>
  </si>
  <si>
    <t>認知症サポーターグッズ購入代</t>
  </si>
  <si>
    <t>特定非営利活動法人　地域ケア政策ネットワーク　代表理事　大森　彌</t>
  </si>
  <si>
    <t>6011105001810</t>
  </si>
  <si>
    <t>453900</t>
  </si>
  <si>
    <t>複写機用再生紙購入代（10月分）</t>
  </si>
  <si>
    <t>465561</t>
  </si>
  <si>
    <t>消耗品（回転台ほか）購入代</t>
  </si>
  <si>
    <t>465593</t>
  </si>
  <si>
    <t>消耗品（止水バルブ）購入代</t>
  </si>
  <si>
    <t>ＴＯＴＯメンテナンス（株）　サービス代行店　（株）ルーマ　代表取締役　相原　和明</t>
  </si>
  <si>
    <t>1021001037532</t>
  </si>
  <si>
    <t>468314</t>
  </si>
  <si>
    <t>消耗品（ゴム印）購入代</t>
  </si>
  <si>
    <t>（株）愛信堂　代表取締役　溝呂木　努</t>
  </si>
  <si>
    <t>1021001019266</t>
  </si>
  <si>
    <t>481923</t>
  </si>
  <si>
    <t>消耗品（エプロンほか）購入代</t>
  </si>
  <si>
    <t>493251</t>
  </si>
  <si>
    <t>消耗品（カラーマルチペーパーほか）購入代</t>
  </si>
  <si>
    <t>506881</t>
  </si>
  <si>
    <t>消耗品（安全ピンほか）購入代</t>
  </si>
  <si>
    <t>522130</t>
  </si>
  <si>
    <t>複写機用再生紙購入代（11月分）</t>
  </si>
  <si>
    <t>530559</t>
  </si>
  <si>
    <t>消耗品（カラーマルチペーパー）購入代</t>
  </si>
  <si>
    <t>530847</t>
  </si>
  <si>
    <t>書籍（「食品衛生小六法」）購入代</t>
  </si>
  <si>
    <t>（社）日本食品衛生協会　理事長　鵜飼　良平</t>
  </si>
  <si>
    <t>536571</t>
  </si>
  <si>
    <t>537215</t>
  </si>
  <si>
    <t>消耗品（インクジェット用紙ほか）購入代</t>
  </si>
  <si>
    <t>540227</t>
  </si>
  <si>
    <t>547118</t>
  </si>
  <si>
    <t>消耗品（ラミネートフィルムほか）購入代</t>
  </si>
  <si>
    <t>559194</t>
  </si>
  <si>
    <t>書籍（「労働衛生のしおり」）購入代</t>
  </si>
  <si>
    <t>560504</t>
  </si>
  <si>
    <t>雑誌（「生活と環境」ほか）購入代（第4四半期分）</t>
  </si>
  <si>
    <t>582392</t>
  </si>
  <si>
    <t>事務用消耗品（ゴム印）購入代</t>
  </si>
  <si>
    <t>厚木保健福祉事務所大和センター</t>
  </si>
  <si>
    <t>372976</t>
  </si>
  <si>
    <t>図書の購入</t>
  </si>
  <si>
    <t>株式会社ＢＯＯＫＳ太陽堂　代表取締役　神沢　啓一</t>
  </si>
  <si>
    <t>2021001054312</t>
  </si>
  <si>
    <t>397207</t>
  </si>
  <si>
    <t>事務用他消耗品購入代</t>
  </si>
  <si>
    <t>414977</t>
  </si>
  <si>
    <t>株式会社　セラビ　代表取締役　時岡　一秀</t>
  </si>
  <si>
    <t>5430001028059</t>
  </si>
  <si>
    <t>417799</t>
  </si>
  <si>
    <t>保健衛生表彰式生花代</t>
  </si>
  <si>
    <t>はなの店　Ｐｕｒｅ　堀田　秀之</t>
  </si>
  <si>
    <t>459760</t>
  </si>
  <si>
    <t>（有）金子宝泉堂　代表取締役　金子　光雄</t>
  </si>
  <si>
    <t>8021002040512</t>
  </si>
  <si>
    <t>480067</t>
  </si>
  <si>
    <t>アルコールセンサー購入代</t>
  </si>
  <si>
    <t>512057</t>
  </si>
  <si>
    <t>527415</t>
  </si>
  <si>
    <t>543365</t>
  </si>
  <si>
    <t>厚木保健福祉事務所大和センター　前渡金受領職員</t>
    <phoneticPr fontId="3"/>
  </si>
  <si>
    <t>562075</t>
  </si>
  <si>
    <t>電気温水器購入代</t>
  </si>
  <si>
    <t>株式会社　長嶺工業所　代表取締役　長嶺　博之</t>
  </si>
  <si>
    <t>5021001025673</t>
  </si>
  <si>
    <t>567185</t>
  </si>
  <si>
    <t>ＦＡＸ用トナーカートリッジ購入代</t>
  </si>
  <si>
    <t>568459</t>
  </si>
  <si>
    <t>事業用他消耗品購入代</t>
  </si>
  <si>
    <t>582394</t>
  </si>
  <si>
    <t>雑誌代（第４四半期分・概算）</t>
  </si>
  <si>
    <t>小田原保健福祉事務所足柄上センター</t>
  </si>
  <si>
    <t>391192</t>
  </si>
  <si>
    <t>（株）稲妻屋　代表取締役社長　里見　昌宏</t>
  </si>
  <si>
    <t>2021001032334</t>
  </si>
  <si>
    <t>398266</t>
  </si>
  <si>
    <t>業務用品購入代</t>
  </si>
  <si>
    <t>401977</t>
  </si>
  <si>
    <t>生花（演台花）購入代</t>
  </si>
  <si>
    <t>（株）花ふじ　代表取締役　磯﨑　武志</t>
  </si>
  <si>
    <t>7021002054050</t>
  </si>
  <si>
    <t>445614</t>
  </si>
  <si>
    <t>歯科用消耗品購入代</t>
  </si>
  <si>
    <t>451321</t>
  </si>
  <si>
    <t>医療用品購入代</t>
  </si>
  <si>
    <t>453993</t>
  </si>
  <si>
    <t>禁煙検査用品購入代</t>
  </si>
  <si>
    <t>青少年喫煙問題研究会　代表者　小林　洋子</t>
  </si>
  <si>
    <t>497560</t>
  </si>
  <si>
    <t>561249</t>
  </si>
  <si>
    <t>新聞購読料（１月～３月分）</t>
  </si>
  <si>
    <t>（株）内藤新聞店　代表取締役　原　泉</t>
  </si>
  <si>
    <t>3021001058634</t>
  </si>
  <si>
    <t>561316</t>
  </si>
  <si>
    <t>雑誌購読料（厚生福祉）（１月～３月分）</t>
  </si>
  <si>
    <t>563710</t>
  </si>
  <si>
    <t>572395</t>
  </si>
  <si>
    <t>雑誌購読料（公衆衛生ほか）（１月～３月分）</t>
  </si>
  <si>
    <t>精神保健福祉センター</t>
  </si>
  <si>
    <t>425227</t>
  </si>
  <si>
    <t>庁内管理用消耗品購入(ポリ袋等）</t>
  </si>
  <si>
    <t>株式会社山村商店　代表取締役　山村　裕治</t>
  </si>
  <si>
    <t>427746</t>
  </si>
  <si>
    <t>446038</t>
  </si>
  <si>
    <t>事務用消耗品購入代</t>
  </si>
  <si>
    <t>487013</t>
  </si>
  <si>
    <t>496385</t>
  </si>
  <si>
    <t>トナーカートリッジ等購入代</t>
  </si>
  <si>
    <t>543082</t>
  </si>
  <si>
    <t>地域保健購入代</t>
  </si>
  <si>
    <t>（株）東京法規出版　代表取締役　菅　国典</t>
  </si>
  <si>
    <t>556778</t>
  </si>
  <si>
    <t>559638</t>
  </si>
  <si>
    <t>業務用トイレットペーパー購入代</t>
  </si>
  <si>
    <t>569068</t>
  </si>
  <si>
    <t>FAXトナーカートリッジ購入代</t>
  </si>
  <si>
    <t>575571</t>
  </si>
  <si>
    <t>複写機用再生紙購入代（１2月分）</t>
  </si>
  <si>
    <t>動物愛護センター</t>
  </si>
  <si>
    <t>380912</t>
  </si>
  <si>
    <t>酸素購入代</t>
  </si>
  <si>
    <t>（株）巴商会　伊勢原営業所　所長　内田　広</t>
  </si>
  <si>
    <t>4010801008518</t>
  </si>
  <si>
    <t>385136</t>
  </si>
  <si>
    <t>スチール製バケツほか購入</t>
  </si>
  <si>
    <t>株式会社稲妻屋　代表取締役　里見　昌宏</t>
  </si>
  <si>
    <t>385245</t>
  </si>
  <si>
    <t>使い捨てエプロンほか購入代</t>
  </si>
  <si>
    <t>動物愛護センター　前渡金受領職員</t>
    <phoneticPr fontId="3"/>
  </si>
  <si>
    <t>386704</t>
  </si>
  <si>
    <t>アルコールチェッカー　購入代</t>
  </si>
  <si>
    <t>株式会社ヤマダ電機平塚営業所　所長　佐藤　篤史</t>
  </si>
  <si>
    <t>408518</t>
  </si>
  <si>
    <t>スーパーファイン紙他　購入代</t>
  </si>
  <si>
    <t>422899</t>
  </si>
  <si>
    <t>JoyPet ボディータオル　購入代</t>
  </si>
  <si>
    <t>（株）中商　代表取締役　田中　裕二</t>
  </si>
  <si>
    <t>1021001033894</t>
  </si>
  <si>
    <t>424134</t>
  </si>
  <si>
    <t>バルサン購入代</t>
  </si>
  <si>
    <t>426320</t>
  </si>
  <si>
    <t>ハンドワイパーほか　購入代</t>
  </si>
  <si>
    <t>株式会社　サンワ　代表取締役　吉田　武司</t>
  </si>
  <si>
    <t>7010601002172</t>
  </si>
  <si>
    <t>428212</t>
  </si>
  <si>
    <t>書籍　購入代</t>
  </si>
  <si>
    <t>株式会社インターズー　代表取締役社長　西澤　行人</t>
  </si>
  <si>
    <t>4011001062628</t>
  </si>
  <si>
    <t>428724</t>
  </si>
  <si>
    <t>デオトイレ 飛び散らない消臭・抗菌サンド　購入代</t>
  </si>
  <si>
    <t>（有）嶺松　代表取締役　松永　勝</t>
  </si>
  <si>
    <t>8021002012222</t>
  </si>
  <si>
    <t>431194</t>
  </si>
  <si>
    <t>キャノンインク購入代</t>
  </si>
  <si>
    <t>459472</t>
  </si>
  <si>
    <t>令和元年度　複写機用再生紙　購入代</t>
  </si>
  <si>
    <t>有限会社　やなぎや　代表取締役　神保　敏由</t>
  </si>
  <si>
    <t>462019</t>
  </si>
  <si>
    <t>アルカリ乾電池ほか購入</t>
  </si>
  <si>
    <t>462151</t>
  </si>
  <si>
    <t>バラスプレーほか購入代</t>
  </si>
  <si>
    <t>（株）木村植物園　代表取締役　木村　義広</t>
  </si>
  <si>
    <t>3021001036383</t>
  </si>
  <si>
    <t>471701</t>
  </si>
  <si>
    <t>ペットシーツの購入代【単価契約】</t>
  </si>
  <si>
    <t>471724</t>
  </si>
  <si>
    <t>ペット用トイレの砂の購入代【単価契約】</t>
  </si>
  <si>
    <t>477800</t>
  </si>
  <si>
    <t>花の苗（ポッド）　購入代</t>
  </si>
  <si>
    <t>菜花園　平　謙太郎</t>
  </si>
  <si>
    <t>480103</t>
  </si>
  <si>
    <t>花壇用の土ほか購入代</t>
  </si>
  <si>
    <t>ロイヤルホームセンター（株）湘南大磯店　店長　吉沢　健</t>
  </si>
  <si>
    <t>2120001072223</t>
  </si>
  <si>
    <t>488079</t>
  </si>
  <si>
    <t>Ａ４カット紙購入代</t>
  </si>
  <si>
    <t>512012</t>
  </si>
  <si>
    <t>透明ポケットほか購入代</t>
  </si>
  <si>
    <t>519873</t>
  </si>
  <si>
    <t>チューリップ球根　購入代</t>
  </si>
  <si>
    <t>526153</t>
  </si>
  <si>
    <t>トイレットペーパー他消耗品購入代</t>
  </si>
  <si>
    <t>532788</t>
  </si>
  <si>
    <t>532834</t>
  </si>
  <si>
    <t>538800</t>
  </si>
  <si>
    <t>561665</t>
  </si>
  <si>
    <t>563845</t>
  </si>
  <si>
    <t>フラットファイル他購入代</t>
  </si>
  <si>
    <t>581776</t>
  </si>
  <si>
    <t>カメラ用三脚ほか購入代</t>
  </si>
  <si>
    <t>582400</t>
  </si>
  <si>
    <t>花の苗（ポッド）購入代</t>
  </si>
  <si>
    <t>煤ケ谷診療所　前渡金受領職員</t>
    <phoneticPr fontId="3"/>
  </si>
  <si>
    <t>厚木保健福祉事務所　前渡金受領職員</t>
    <phoneticPr fontId="3"/>
  </si>
  <si>
    <t>動物愛護センター　前渡金受領職員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[$-411]ggge&quot;年度&quot;"/>
    <numFmt numFmtId="177" formatCode="#,##0_ "/>
  </numFmts>
  <fonts count="5" x14ac:knownFonts="1"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10"/>
      <name val="ＭＳ ゴシック"/>
      <family val="3"/>
      <charset val="128"/>
    </font>
    <font>
      <sz val="6"/>
      <name val="ＭＳ 明朝"/>
      <family val="2"/>
      <charset val="128"/>
    </font>
    <font>
      <sz val="6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42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>
      <alignment vertical="center"/>
    </xf>
  </cellStyleXfs>
  <cellXfs count="9">
    <xf numFmtId="0" fontId="0" fillId="0" borderId="0" xfId="0">
      <alignment vertical="center"/>
    </xf>
    <xf numFmtId="0" fontId="2" fillId="2" borderId="1" xfId="1" applyFont="1" applyFill="1" applyBorder="1" applyAlignment="1" applyProtection="1">
      <alignment horizontal="center" vertical="center"/>
      <protection locked="0"/>
    </xf>
    <xf numFmtId="0" fontId="2" fillId="2" borderId="1" xfId="1" applyFont="1" applyFill="1" applyBorder="1" applyAlignment="1" applyProtection="1">
      <alignment horizontal="center" vertical="center" wrapText="1"/>
      <protection locked="0"/>
    </xf>
    <xf numFmtId="0" fontId="2" fillId="0" borderId="0" xfId="1" applyFont="1" applyProtection="1">
      <alignment vertical="center"/>
      <protection locked="0"/>
    </xf>
    <xf numFmtId="176" fontId="2" fillId="0" borderId="1" xfId="0" applyNumberFormat="1" applyFont="1" applyFill="1" applyBorder="1" applyAlignment="1" applyProtection="1">
      <alignment horizontal="center" vertical="center" shrinkToFit="1"/>
      <protection locked="0"/>
    </xf>
    <xf numFmtId="49" fontId="2" fillId="0" borderId="1" xfId="0" applyNumberFormat="1" applyFont="1" applyFill="1" applyBorder="1" applyAlignment="1" applyProtection="1">
      <alignment vertical="center" wrapText="1"/>
      <protection locked="0"/>
    </xf>
    <xf numFmtId="49" fontId="2" fillId="0" borderId="1" xfId="0" applyNumberFormat="1" applyFont="1" applyFill="1" applyBorder="1" applyAlignment="1" applyProtection="1">
      <alignment horizontal="center" vertical="center" shrinkToFit="1"/>
      <protection locked="0"/>
    </xf>
    <xf numFmtId="177" fontId="2" fillId="0" borderId="1" xfId="0" applyNumberFormat="1" applyFont="1" applyFill="1" applyBorder="1" applyAlignment="1" applyProtection="1">
      <alignment vertical="center" shrinkToFit="1"/>
      <protection locked="0"/>
    </xf>
    <xf numFmtId="14" fontId="2" fillId="0" borderId="1" xfId="0" applyNumberFormat="1" applyFont="1" applyFill="1" applyBorder="1" applyAlignment="1" applyProtection="1">
      <alignment horizontal="center" vertical="center" shrinkToFit="1"/>
      <protection locked="0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I398"/>
  <sheetViews>
    <sheetView tabSelected="1" zoomScaleNormal="100" workbookViewId="0">
      <pane ySplit="1" topLeftCell="A2" activePane="bottomLeft" state="frozen"/>
      <selection pane="bottomLeft" activeCell="A2" sqref="A2"/>
    </sheetView>
  </sheetViews>
  <sheetFormatPr defaultColWidth="8.25" defaultRowHeight="12" x14ac:dyDescent="0.2"/>
  <cols>
    <col min="1" max="1" width="9.58203125" style="3" customWidth="1"/>
    <col min="2" max="3" width="14.1640625" style="3" customWidth="1"/>
    <col min="4" max="4" width="8.58203125" style="3" customWidth="1"/>
    <col min="5" max="5" width="38.58203125" style="3" customWidth="1"/>
    <col min="6" max="6" width="16.5" style="3" bestFit="1" customWidth="1"/>
    <col min="7" max="7" width="28.5" style="3" customWidth="1"/>
    <col min="8" max="8" width="10.25" style="3" customWidth="1"/>
    <col min="9" max="9" width="9.75" style="3" customWidth="1"/>
    <col min="10" max="16384" width="8.25" style="3"/>
  </cols>
  <sheetData>
    <row r="1" spans="1:9" ht="27.75" customHeight="1" x14ac:dyDescent="0.2">
      <c r="A1" s="1" t="s">
        <v>0</v>
      </c>
      <c r="B1" s="1" t="s">
        <v>1</v>
      </c>
      <c r="C1" s="1" t="s">
        <v>2</v>
      </c>
      <c r="D1" s="2" t="s">
        <v>3</v>
      </c>
      <c r="E1" s="1" t="s">
        <v>4</v>
      </c>
      <c r="F1" s="1" t="s">
        <v>5</v>
      </c>
      <c r="G1" s="2" t="s">
        <v>6</v>
      </c>
      <c r="H1" s="2" t="s">
        <v>7</v>
      </c>
      <c r="I1" s="1" t="s">
        <v>8</v>
      </c>
    </row>
    <row r="2" spans="1:9" ht="24" x14ac:dyDescent="0.2">
      <c r="A2" s="4">
        <v>43556</v>
      </c>
      <c r="B2" s="5" t="s">
        <v>9</v>
      </c>
      <c r="C2" s="5" t="s">
        <v>10</v>
      </c>
      <c r="D2" s="6" t="s">
        <v>11</v>
      </c>
      <c r="E2" s="5" t="s">
        <v>12</v>
      </c>
      <c r="F2" s="7">
        <v>3256</v>
      </c>
      <c r="G2" s="5" t="s">
        <v>13</v>
      </c>
      <c r="H2" s="6" t="s">
        <v>14</v>
      </c>
      <c r="I2" s="8">
        <v>43796</v>
      </c>
    </row>
    <row r="3" spans="1:9" ht="24" x14ac:dyDescent="0.2">
      <c r="A3" s="4">
        <v>43556</v>
      </c>
      <c r="B3" s="5" t="s">
        <v>9</v>
      </c>
      <c r="C3" s="5" t="s">
        <v>15</v>
      </c>
      <c r="D3" s="6" t="s">
        <v>16</v>
      </c>
      <c r="E3" s="5" t="s">
        <v>17</v>
      </c>
      <c r="F3" s="7">
        <v>4444</v>
      </c>
      <c r="G3" s="5" t="s">
        <v>18</v>
      </c>
      <c r="H3" s="6" t="s">
        <v>19</v>
      </c>
      <c r="I3" s="8">
        <v>43763</v>
      </c>
    </row>
    <row r="4" spans="1:9" ht="24" x14ac:dyDescent="0.2">
      <c r="A4" s="4">
        <v>43556</v>
      </c>
      <c r="B4" s="5" t="s">
        <v>9</v>
      </c>
      <c r="C4" s="5" t="s">
        <v>15</v>
      </c>
      <c r="D4" s="6" t="s">
        <v>20</v>
      </c>
      <c r="E4" s="5" t="s">
        <v>21</v>
      </c>
      <c r="F4" s="7">
        <v>5676</v>
      </c>
      <c r="G4" s="5" t="s">
        <v>22</v>
      </c>
      <c r="H4" s="6" t="s">
        <v>23</v>
      </c>
      <c r="I4" s="8">
        <v>43768</v>
      </c>
    </row>
    <row r="5" spans="1:9" ht="24" x14ac:dyDescent="0.2">
      <c r="A5" s="4">
        <v>43556</v>
      </c>
      <c r="B5" s="5" t="s">
        <v>9</v>
      </c>
      <c r="C5" s="5" t="s">
        <v>15</v>
      </c>
      <c r="D5" s="6" t="s">
        <v>24</v>
      </c>
      <c r="E5" s="5" t="s">
        <v>25</v>
      </c>
      <c r="F5" s="7">
        <v>7472</v>
      </c>
      <c r="G5" s="5" t="s">
        <v>26</v>
      </c>
      <c r="H5" s="6" t="s">
        <v>27</v>
      </c>
      <c r="I5" s="8">
        <v>43788</v>
      </c>
    </row>
    <row r="6" spans="1:9" ht="24" x14ac:dyDescent="0.2">
      <c r="A6" s="4">
        <v>43556</v>
      </c>
      <c r="B6" s="5" t="s">
        <v>9</v>
      </c>
      <c r="C6" s="5" t="s">
        <v>15</v>
      </c>
      <c r="D6" s="6" t="s">
        <v>28</v>
      </c>
      <c r="E6" s="5" t="s">
        <v>29</v>
      </c>
      <c r="F6" s="7">
        <v>4050</v>
      </c>
      <c r="G6" s="5" t="s">
        <v>18</v>
      </c>
      <c r="H6" s="6" t="s">
        <v>19</v>
      </c>
      <c r="I6" s="8">
        <v>43790</v>
      </c>
    </row>
    <row r="7" spans="1:9" ht="24" x14ac:dyDescent="0.2">
      <c r="A7" s="4">
        <v>43556</v>
      </c>
      <c r="B7" s="5" t="s">
        <v>9</v>
      </c>
      <c r="C7" s="5" t="s">
        <v>15</v>
      </c>
      <c r="D7" s="6" t="s">
        <v>30</v>
      </c>
      <c r="E7" s="5" t="s">
        <v>29</v>
      </c>
      <c r="F7" s="7">
        <v>6636</v>
      </c>
      <c r="G7" s="5" t="s">
        <v>31</v>
      </c>
      <c r="H7" s="6" t="s">
        <v>32</v>
      </c>
      <c r="I7" s="8">
        <v>43797</v>
      </c>
    </row>
    <row r="8" spans="1:9" ht="24" x14ac:dyDescent="0.2">
      <c r="A8" s="4">
        <v>43556</v>
      </c>
      <c r="B8" s="5" t="s">
        <v>9</v>
      </c>
      <c r="C8" s="5" t="s">
        <v>15</v>
      </c>
      <c r="D8" s="6" t="s">
        <v>33</v>
      </c>
      <c r="E8" s="5" t="s">
        <v>34</v>
      </c>
      <c r="F8" s="7">
        <v>9240</v>
      </c>
      <c r="G8" s="5" t="s">
        <v>35</v>
      </c>
      <c r="H8" s="6" t="s">
        <v>36</v>
      </c>
      <c r="I8" s="8">
        <v>43811</v>
      </c>
    </row>
    <row r="9" spans="1:9" ht="24" x14ac:dyDescent="0.2">
      <c r="A9" s="4">
        <v>43556</v>
      </c>
      <c r="B9" s="5" t="s">
        <v>9</v>
      </c>
      <c r="C9" s="5" t="s">
        <v>15</v>
      </c>
      <c r="D9" s="6" t="s">
        <v>37</v>
      </c>
      <c r="E9" s="5" t="s">
        <v>38</v>
      </c>
      <c r="F9" s="7">
        <v>7700</v>
      </c>
      <c r="G9" s="5" t="s">
        <v>39</v>
      </c>
      <c r="H9" s="6" t="s">
        <v>40</v>
      </c>
      <c r="I9" s="8">
        <v>43823</v>
      </c>
    </row>
    <row r="10" spans="1:9" ht="24" x14ac:dyDescent="0.2">
      <c r="A10" s="4">
        <v>43556</v>
      </c>
      <c r="B10" s="5" t="s">
        <v>9</v>
      </c>
      <c r="C10" s="5" t="s">
        <v>15</v>
      </c>
      <c r="D10" s="6" t="s">
        <v>41</v>
      </c>
      <c r="E10" s="5" t="s">
        <v>42</v>
      </c>
      <c r="F10" s="7">
        <v>42064</v>
      </c>
      <c r="G10" s="5" t="s">
        <v>43</v>
      </c>
      <c r="H10" s="6" t="s">
        <v>44</v>
      </c>
      <c r="I10" s="8">
        <v>43825</v>
      </c>
    </row>
    <row r="11" spans="1:9" ht="24" x14ac:dyDescent="0.2">
      <c r="A11" s="4">
        <v>43556</v>
      </c>
      <c r="B11" s="5" t="s">
        <v>9</v>
      </c>
      <c r="C11" s="5" t="s">
        <v>45</v>
      </c>
      <c r="D11" s="6" t="s">
        <v>46</v>
      </c>
      <c r="E11" s="5" t="s">
        <v>47</v>
      </c>
      <c r="F11" s="7">
        <v>1540</v>
      </c>
      <c r="G11" s="5" t="s">
        <v>48</v>
      </c>
      <c r="H11" s="6" t="s">
        <v>49</v>
      </c>
      <c r="I11" s="8">
        <v>43794</v>
      </c>
    </row>
    <row r="12" spans="1:9" ht="24" x14ac:dyDescent="0.2">
      <c r="A12" s="4">
        <v>43556</v>
      </c>
      <c r="B12" s="5" t="s">
        <v>9</v>
      </c>
      <c r="C12" s="5" t="s">
        <v>45</v>
      </c>
      <c r="D12" s="6" t="s">
        <v>50</v>
      </c>
      <c r="E12" s="5" t="s">
        <v>51</v>
      </c>
      <c r="F12" s="7">
        <v>7672</v>
      </c>
      <c r="G12" s="5" t="s">
        <v>31</v>
      </c>
      <c r="H12" s="6" t="s">
        <v>32</v>
      </c>
      <c r="I12" s="8">
        <v>43809</v>
      </c>
    </row>
    <row r="13" spans="1:9" ht="24" x14ac:dyDescent="0.2">
      <c r="A13" s="4">
        <v>43556</v>
      </c>
      <c r="B13" s="5" t="s">
        <v>9</v>
      </c>
      <c r="C13" s="5" t="s">
        <v>52</v>
      </c>
      <c r="D13" s="6" t="s">
        <v>53</v>
      </c>
      <c r="E13" s="5" t="s">
        <v>54</v>
      </c>
      <c r="F13" s="7">
        <v>202847</v>
      </c>
      <c r="G13" s="5" t="s">
        <v>55</v>
      </c>
      <c r="H13" s="6" t="s">
        <v>56</v>
      </c>
      <c r="I13" s="8">
        <v>43739</v>
      </c>
    </row>
    <row r="14" spans="1:9" ht="24" x14ac:dyDescent="0.2">
      <c r="A14" s="4">
        <v>43556</v>
      </c>
      <c r="B14" s="5" t="s">
        <v>9</v>
      </c>
      <c r="C14" s="5" t="s">
        <v>52</v>
      </c>
      <c r="D14" s="6" t="s">
        <v>57</v>
      </c>
      <c r="E14" s="5" t="s">
        <v>58</v>
      </c>
      <c r="F14" s="7">
        <v>40728</v>
      </c>
      <c r="G14" s="5" t="s">
        <v>59</v>
      </c>
      <c r="H14" s="6" t="s">
        <v>60</v>
      </c>
      <c r="I14" s="8">
        <v>43739</v>
      </c>
    </row>
    <row r="15" spans="1:9" ht="24" x14ac:dyDescent="0.2">
      <c r="A15" s="4">
        <v>43556</v>
      </c>
      <c r="B15" s="5" t="s">
        <v>9</v>
      </c>
      <c r="C15" s="5" t="s">
        <v>52</v>
      </c>
      <c r="D15" s="6" t="s">
        <v>61</v>
      </c>
      <c r="E15" s="5" t="s">
        <v>62</v>
      </c>
      <c r="F15" s="7">
        <v>15390</v>
      </c>
      <c r="G15" s="5" t="s">
        <v>63</v>
      </c>
      <c r="H15" s="6" t="s">
        <v>64</v>
      </c>
      <c r="I15" s="8">
        <v>43739</v>
      </c>
    </row>
    <row r="16" spans="1:9" ht="24" x14ac:dyDescent="0.2">
      <c r="A16" s="4">
        <v>43556</v>
      </c>
      <c r="B16" s="5" t="s">
        <v>9</v>
      </c>
      <c r="C16" s="5" t="s">
        <v>52</v>
      </c>
      <c r="D16" s="6" t="s">
        <v>65</v>
      </c>
      <c r="E16" s="5" t="s">
        <v>66</v>
      </c>
      <c r="F16" s="7">
        <v>5720</v>
      </c>
      <c r="G16" s="5" t="s">
        <v>67</v>
      </c>
      <c r="H16" s="6" t="s">
        <v>68</v>
      </c>
      <c r="I16" s="8">
        <v>43749</v>
      </c>
    </row>
    <row r="17" spans="1:9" ht="24" x14ac:dyDescent="0.2">
      <c r="A17" s="4">
        <v>43556</v>
      </c>
      <c r="B17" s="5" t="s">
        <v>9</v>
      </c>
      <c r="C17" s="5" t="s">
        <v>52</v>
      </c>
      <c r="D17" s="6" t="s">
        <v>69</v>
      </c>
      <c r="E17" s="5" t="s">
        <v>70</v>
      </c>
      <c r="F17" s="7">
        <v>18018</v>
      </c>
      <c r="G17" s="5" t="s">
        <v>71</v>
      </c>
      <c r="H17" s="6" t="s">
        <v>72</v>
      </c>
      <c r="I17" s="8">
        <v>43763</v>
      </c>
    </row>
    <row r="18" spans="1:9" ht="24" x14ac:dyDescent="0.2">
      <c r="A18" s="4">
        <v>43556</v>
      </c>
      <c r="B18" s="5" t="s">
        <v>9</v>
      </c>
      <c r="C18" s="5" t="s">
        <v>52</v>
      </c>
      <c r="D18" s="6" t="s">
        <v>73</v>
      </c>
      <c r="E18" s="5" t="s">
        <v>70</v>
      </c>
      <c r="F18" s="7">
        <v>61600</v>
      </c>
      <c r="G18" s="5" t="s">
        <v>74</v>
      </c>
      <c r="H18" s="6" t="s">
        <v>75</v>
      </c>
      <c r="I18" s="8">
        <v>43763</v>
      </c>
    </row>
    <row r="19" spans="1:9" ht="24" x14ac:dyDescent="0.2">
      <c r="A19" s="4">
        <v>43556</v>
      </c>
      <c r="B19" s="5" t="s">
        <v>9</v>
      </c>
      <c r="C19" s="5" t="s">
        <v>52</v>
      </c>
      <c r="D19" s="6" t="s">
        <v>76</v>
      </c>
      <c r="E19" s="5" t="s">
        <v>77</v>
      </c>
      <c r="F19" s="7">
        <v>254998</v>
      </c>
      <c r="G19" s="5" t="s">
        <v>55</v>
      </c>
      <c r="H19" s="6" t="s">
        <v>56</v>
      </c>
      <c r="I19" s="8">
        <v>43768</v>
      </c>
    </row>
    <row r="20" spans="1:9" ht="24" x14ac:dyDescent="0.2">
      <c r="A20" s="4">
        <v>43556</v>
      </c>
      <c r="B20" s="5" t="s">
        <v>9</v>
      </c>
      <c r="C20" s="5" t="s">
        <v>52</v>
      </c>
      <c r="D20" s="6" t="s">
        <v>78</v>
      </c>
      <c r="E20" s="5" t="s">
        <v>79</v>
      </c>
      <c r="F20" s="7">
        <v>46200</v>
      </c>
      <c r="G20" s="5" t="s">
        <v>80</v>
      </c>
      <c r="H20" s="6" t="s">
        <v>81</v>
      </c>
      <c r="I20" s="8">
        <v>43769</v>
      </c>
    </row>
    <row r="21" spans="1:9" ht="24" x14ac:dyDescent="0.2">
      <c r="A21" s="4">
        <v>43556</v>
      </c>
      <c r="B21" s="5" t="s">
        <v>9</v>
      </c>
      <c r="C21" s="5" t="s">
        <v>52</v>
      </c>
      <c r="D21" s="6" t="s">
        <v>82</v>
      </c>
      <c r="E21" s="5" t="s">
        <v>83</v>
      </c>
      <c r="F21" s="7">
        <v>16500</v>
      </c>
      <c r="G21" s="5" t="s">
        <v>84</v>
      </c>
      <c r="H21" s="6" t="s">
        <v>85</v>
      </c>
      <c r="I21" s="8">
        <v>43769</v>
      </c>
    </row>
    <row r="22" spans="1:9" ht="24" x14ac:dyDescent="0.2">
      <c r="A22" s="4">
        <v>43556</v>
      </c>
      <c r="B22" s="5" t="s">
        <v>9</v>
      </c>
      <c r="C22" s="5" t="s">
        <v>52</v>
      </c>
      <c r="D22" s="6" t="s">
        <v>86</v>
      </c>
      <c r="E22" s="5" t="s">
        <v>87</v>
      </c>
      <c r="F22" s="7">
        <v>161854</v>
      </c>
      <c r="G22" s="5" t="s">
        <v>55</v>
      </c>
      <c r="H22" s="6" t="s">
        <v>56</v>
      </c>
      <c r="I22" s="8">
        <v>43801</v>
      </c>
    </row>
    <row r="23" spans="1:9" ht="24" x14ac:dyDescent="0.2">
      <c r="A23" s="4">
        <v>43556</v>
      </c>
      <c r="B23" s="5" t="s">
        <v>9</v>
      </c>
      <c r="C23" s="5" t="s">
        <v>52</v>
      </c>
      <c r="D23" s="6" t="s">
        <v>88</v>
      </c>
      <c r="E23" s="5" t="s">
        <v>89</v>
      </c>
      <c r="F23" s="7">
        <v>269350</v>
      </c>
      <c r="G23" s="5" t="s">
        <v>55</v>
      </c>
      <c r="H23" s="6" t="s">
        <v>56</v>
      </c>
      <c r="I23" s="8">
        <v>43812</v>
      </c>
    </row>
    <row r="24" spans="1:9" ht="24" x14ac:dyDescent="0.2">
      <c r="A24" s="4">
        <v>43556</v>
      </c>
      <c r="B24" s="5" t="s">
        <v>9</v>
      </c>
      <c r="C24" s="5" t="s">
        <v>52</v>
      </c>
      <c r="D24" s="6" t="s">
        <v>90</v>
      </c>
      <c r="E24" s="5" t="s">
        <v>91</v>
      </c>
      <c r="F24" s="7">
        <v>260700</v>
      </c>
      <c r="G24" s="5" t="s">
        <v>13</v>
      </c>
      <c r="H24" s="6" t="s">
        <v>14</v>
      </c>
      <c r="I24" s="8">
        <v>43817</v>
      </c>
    </row>
    <row r="25" spans="1:9" ht="24" x14ac:dyDescent="0.2">
      <c r="A25" s="4">
        <v>43556</v>
      </c>
      <c r="B25" s="5" t="s">
        <v>9</v>
      </c>
      <c r="C25" s="5" t="s">
        <v>92</v>
      </c>
      <c r="D25" s="6" t="s">
        <v>93</v>
      </c>
      <c r="E25" s="5" t="s">
        <v>94</v>
      </c>
      <c r="F25" s="7">
        <v>47124</v>
      </c>
      <c r="G25" s="5" t="s">
        <v>31</v>
      </c>
      <c r="H25" s="6" t="s">
        <v>32</v>
      </c>
      <c r="I25" s="8">
        <v>43740</v>
      </c>
    </row>
    <row r="26" spans="1:9" ht="24" x14ac:dyDescent="0.2">
      <c r="A26" s="4">
        <v>43556</v>
      </c>
      <c r="B26" s="5" t="s">
        <v>9</v>
      </c>
      <c r="C26" s="5" t="s">
        <v>92</v>
      </c>
      <c r="D26" s="6" t="s">
        <v>95</v>
      </c>
      <c r="E26" s="5" t="s">
        <v>96</v>
      </c>
      <c r="F26" s="7">
        <v>6820</v>
      </c>
      <c r="G26" s="5" t="s">
        <v>13</v>
      </c>
      <c r="H26" s="6" t="s">
        <v>14</v>
      </c>
      <c r="I26" s="8">
        <v>43742</v>
      </c>
    </row>
    <row r="27" spans="1:9" ht="24" x14ac:dyDescent="0.2">
      <c r="A27" s="4">
        <v>43556</v>
      </c>
      <c r="B27" s="5" t="s">
        <v>9</v>
      </c>
      <c r="C27" s="5" t="s">
        <v>92</v>
      </c>
      <c r="D27" s="6" t="s">
        <v>97</v>
      </c>
      <c r="E27" s="5" t="s">
        <v>98</v>
      </c>
      <c r="F27" s="7">
        <v>2376</v>
      </c>
      <c r="G27" s="5" t="s">
        <v>99</v>
      </c>
      <c r="H27" s="6" t="s">
        <v>100</v>
      </c>
      <c r="I27" s="8">
        <v>43748</v>
      </c>
    </row>
    <row r="28" spans="1:9" ht="24" x14ac:dyDescent="0.2">
      <c r="A28" s="4">
        <v>43556</v>
      </c>
      <c r="B28" s="5" t="s">
        <v>9</v>
      </c>
      <c r="C28" s="5" t="s">
        <v>92</v>
      </c>
      <c r="D28" s="6" t="s">
        <v>101</v>
      </c>
      <c r="E28" s="5" t="s">
        <v>102</v>
      </c>
      <c r="F28" s="7">
        <v>20301</v>
      </c>
      <c r="G28" s="5" t="s">
        <v>18</v>
      </c>
      <c r="H28" s="6" t="s">
        <v>19</v>
      </c>
      <c r="I28" s="8">
        <v>43754</v>
      </c>
    </row>
    <row r="29" spans="1:9" ht="24" x14ac:dyDescent="0.2">
      <c r="A29" s="4">
        <v>43556</v>
      </c>
      <c r="B29" s="5" t="s">
        <v>9</v>
      </c>
      <c r="C29" s="5" t="s">
        <v>92</v>
      </c>
      <c r="D29" s="6" t="s">
        <v>103</v>
      </c>
      <c r="E29" s="5" t="s">
        <v>104</v>
      </c>
      <c r="F29" s="7">
        <v>21560</v>
      </c>
      <c r="G29" s="5" t="s">
        <v>13</v>
      </c>
      <c r="H29" s="6" t="s">
        <v>14</v>
      </c>
      <c r="I29" s="8">
        <v>43762</v>
      </c>
    </row>
    <row r="30" spans="1:9" ht="24" x14ac:dyDescent="0.2">
      <c r="A30" s="4">
        <v>43556</v>
      </c>
      <c r="B30" s="5" t="s">
        <v>9</v>
      </c>
      <c r="C30" s="5" t="s">
        <v>92</v>
      </c>
      <c r="D30" s="6" t="s">
        <v>105</v>
      </c>
      <c r="E30" s="5" t="s">
        <v>106</v>
      </c>
      <c r="F30" s="7">
        <v>12210</v>
      </c>
      <c r="G30" s="5" t="s">
        <v>107</v>
      </c>
      <c r="H30" s="6" t="s">
        <v>108</v>
      </c>
      <c r="I30" s="8">
        <v>43774</v>
      </c>
    </row>
    <row r="31" spans="1:9" ht="24" x14ac:dyDescent="0.2">
      <c r="A31" s="4">
        <v>43556</v>
      </c>
      <c r="B31" s="5" t="s">
        <v>9</v>
      </c>
      <c r="C31" s="5" t="s">
        <v>92</v>
      </c>
      <c r="D31" s="6" t="s">
        <v>109</v>
      </c>
      <c r="E31" s="5" t="s">
        <v>110</v>
      </c>
      <c r="F31" s="7">
        <v>16962</v>
      </c>
      <c r="G31" s="5" t="s">
        <v>18</v>
      </c>
      <c r="H31" s="6" t="s">
        <v>19</v>
      </c>
      <c r="I31" s="8">
        <v>43776</v>
      </c>
    </row>
    <row r="32" spans="1:9" ht="24" x14ac:dyDescent="0.2">
      <c r="A32" s="4">
        <v>43556</v>
      </c>
      <c r="B32" s="5" t="s">
        <v>9</v>
      </c>
      <c r="C32" s="5" t="s">
        <v>92</v>
      </c>
      <c r="D32" s="6" t="s">
        <v>111</v>
      </c>
      <c r="E32" s="5" t="s">
        <v>112</v>
      </c>
      <c r="F32" s="7">
        <v>2904</v>
      </c>
      <c r="G32" s="5" t="s">
        <v>113</v>
      </c>
      <c r="H32" s="6" t="s">
        <v>114</v>
      </c>
      <c r="I32" s="8">
        <v>43782</v>
      </c>
    </row>
    <row r="33" spans="1:9" ht="24" x14ac:dyDescent="0.2">
      <c r="A33" s="4">
        <v>43556</v>
      </c>
      <c r="B33" s="5" t="s">
        <v>9</v>
      </c>
      <c r="C33" s="5" t="s">
        <v>92</v>
      </c>
      <c r="D33" s="6" t="s">
        <v>115</v>
      </c>
      <c r="E33" s="5" t="s">
        <v>116</v>
      </c>
      <c r="F33" s="7">
        <v>4251</v>
      </c>
      <c r="G33" s="5" t="s">
        <v>26</v>
      </c>
      <c r="H33" s="6" t="s">
        <v>27</v>
      </c>
      <c r="I33" s="8">
        <v>43787</v>
      </c>
    </row>
    <row r="34" spans="1:9" ht="24" x14ac:dyDescent="0.2">
      <c r="A34" s="4">
        <v>43556</v>
      </c>
      <c r="B34" s="5" t="s">
        <v>9</v>
      </c>
      <c r="C34" s="5" t="s">
        <v>92</v>
      </c>
      <c r="D34" s="6" t="s">
        <v>117</v>
      </c>
      <c r="E34" s="5" t="s">
        <v>118</v>
      </c>
      <c r="F34" s="7">
        <v>2227</v>
      </c>
      <c r="G34" s="5" t="s">
        <v>48</v>
      </c>
      <c r="H34" s="6" t="s">
        <v>49</v>
      </c>
      <c r="I34" s="8">
        <v>43794</v>
      </c>
    </row>
    <row r="35" spans="1:9" ht="24" x14ac:dyDescent="0.2">
      <c r="A35" s="4">
        <v>43556</v>
      </c>
      <c r="B35" s="5" t="s">
        <v>9</v>
      </c>
      <c r="C35" s="5" t="s">
        <v>92</v>
      </c>
      <c r="D35" s="6" t="s">
        <v>119</v>
      </c>
      <c r="E35" s="5" t="s">
        <v>120</v>
      </c>
      <c r="F35" s="7">
        <v>8371</v>
      </c>
      <c r="G35" s="5" t="s">
        <v>121</v>
      </c>
      <c r="H35" s="6" t="s">
        <v>122</v>
      </c>
      <c r="I35" s="8">
        <v>43816</v>
      </c>
    </row>
    <row r="36" spans="1:9" ht="24" x14ac:dyDescent="0.2">
      <c r="A36" s="4">
        <v>43556</v>
      </c>
      <c r="B36" s="5" t="s">
        <v>9</v>
      </c>
      <c r="C36" s="5" t="s">
        <v>92</v>
      </c>
      <c r="D36" s="6" t="s">
        <v>123</v>
      </c>
      <c r="E36" s="5" t="s">
        <v>124</v>
      </c>
      <c r="F36" s="7">
        <v>10800</v>
      </c>
      <c r="G36" s="5" t="s">
        <v>125</v>
      </c>
      <c r="H36" s="6" t="s">
        <v>126</v>
      </c>
      <c r="I36" s="8">
        <v>43816</v>
      </c>
    </row>
    <row r="37" spans="1:9" ht="24" x14ac:dyDescent="0.2">
      <c r="A37" s="4">
        <v>43556</v>
      </c>
      <c r="B37" s="5" t="s">
        <v>9</v>
      </c>
      <c r="C37" s="5" t="s">
        <v>92</v>
      </c>
      <c r="D37" s="6" t="s">
        <v>127</v>
      </c>
      <c r="E37" s="5" t="s">
        <v>128</v>
      </c>
      <c r="F37" s="7">
        <v>27178</v>
      </c>
      <c r="G37" s="5" t="s">
        <v>18</v>
      </c>
      <c r="H37" s="6" t="s">
        <v>19</v>
      </c>
      <c r="I37" s="8">
        <v>43818</v>
      </c>
    </row>
    <row r="38" spans="1:9" ht="24" x14ac:dyDescent="0.2">
      <c r="A38" s="4">
        <v>43556</v>
      </c>
      <c r="B38" s="5" t="s">
        <v>9</v>
      </c>
      <c r="C38" s="5" t="s">
        <v>92</v>
      </c>
      <c r="D38" s="6" t="s">
        <v>129</v>
      </c>
      <c r="E38" s="5" t="s">
        <v>130</v>
      </c>
      <c r="F38" s="7">
        <v>55000</v>
      </c>
      <c r="G38" s="5" t="s">
        <v>131</v>
      </c>
      <c r="H38" s="6" t="s">
        <v>132</v>
      </c>
      <c r="I38" s="8">
        <v>43818</v>
      </c>
    </row>
    <row r="39" spans="1:9" ht="24" x14ac:dyDescent="0.2">
      <c r="A39" s="4">
        <v>43556</v>
      </c>
      <c r="B39" s="5" t="s">
        <v>9</v>
      </c>
      <c r="C39" s="5" t="s">
        <v>92</v>
      </c>
      <c r="D39" s="6" t="s">
        <v>133</v>
      </c>
      <c r="E39" s="5" t="s">
        <v>134</v>
      </c>
      <c r="F39" s="7">
        <v>55055</v>
      </c>
      <c r="G39" s="5" t="s">
        <v>31</v>
      </c>
      <c r="H39" s="6" t="s">
        <v>32</v>
      </c>
      <c r="I39" s="8">
        <v>43825</v>
      </c>
    </row>
    <row r="40" spans="1:9" ht="24" x14ac:dyDescent="0.2">
      <c r="A40" s="4">
        <v>43556</v>
      </c>
      <c r="B40" s="5" t="s">
        <v>9</v>
      </c>
      <c r="C40" s="5" t="s">
        <v>135</v>
      </c>
      <c r="D40" s="6" t="s">
        <v>136</v>
      </c>
      <c r="E40" s="5" t="s">
        <v>137</v>
      </c>
      <c r="F40" s="7">
        <v>9240</v>
      </c>
      <c r="G40" s="5" t="s">
        <v>71</v>
      </c>
      <c r="H40" s="6" t="s">
        <v>72</v>
      </c>
      <c r="I40" s="8">
        <v>43754</v>
      </c>
    </row>
    <row r="41" spans="1:9" ht="24" x14ac:dyDescent="0.2">
      <c r="A41" s="4">
        <v>43556</v>
      </c>
      <c r="B41" s="5" t="s">
        <v>9</v>
      </c>
      <c r="C41" s="5" t="s">
        <v>135</v>
      </c>
      <c r="D41" s="6" t="s">
        <v>138</v>
      </c>
      <c r="E41" s="5" t="s">
        <v>139</v>
      </c>
      <c r="F41" s="7">
        <v>67155</v>
      </c>
      <c r="G41" s="5" t="s">
        <v>140</v>
      </c>
      <c r="H41" s="6" t="s">
        <v>141</v>
      </c>
      <c r="I41" s="8">
        <v>43754</v>
      </c>
    </row>
    <row r="42" spans="1:9" ht="24" x14ac:dyDescent="0.2">
      <c r="A42" s="4">
        <v>43556</v>
      </c>
      <c r="B42" s="5" t="s">
        <v>9</v>
      </c>
      <c r="C42" s="5" t="s">
        <v>135</v>
      </c>
      <c r="D42" s="6" t="s">
        <v>142</v>
      </c>
      <c r="E42" s="5" t="s">
        <v>143</v>
      </c>
      <c r="F42" s="7">
        <v>46915</v>
      </c>
      <c r="G42" s="5" t="s">
        <v>144</v>
      </c>
      <c r="H42" s="6" t="s">
        <v>145</v>
      </c>
      <c r="I42" s="8">
        <v>43754</v>
      </c>
    </row>
    <row r="43" spans="1:9" ht="24" x14ac:dyDescent="0.2">
      <c r="A43" s="4">
        <v>43556</v>
      </c>
      <c r="B43" s="5" t="s">
        <v>9</v>
      </c>
      <c r="C43" s="5" t="s">
        <v>146</v>
      </c>
      <c r="D43" s="6" t="s">
        <v>147</v>
      </c>
      <c r="E43" s="5" t="s">
        <v>148</v>
      </c>
      <c r="F43" s="7">
        <v>330</v>
      </c>
      <c r="G43" s="5" t="s">
        <v>149</v>
      </c>
      <c r="H43" s="6" t="s">
        <v>150</v>
      </c>
      <c r="I43" s="8">
        <v>43746</v>
      </c>
    </row>
    <row r="44" spans="1:9" ht="24" x14ac:dyDescent="0.2">
      <c r="A44" s="4">
        <v>43556</v>
      </c>
      <c r="B44" s="5" t="s">
        <v>9</v>
      </c>
      <c r="C44" s="5" t="s">
        <v>146</v>
      </c>
      <c r="D44" s="6" t="s">
        <v>151</v>
      </c>
      <c r="E44" s="5" t="s">
        <v>152</v>
      </c>
      <c r="F44" s="7">
        <v>9020</v>
      </c>
      <c r="G44" s="5" t="s">
        <v>67</v>
      </c>
      <c r="H44" s="6" t="s">
        <v>68</v>
      </c>
      <c r="I44" s="8">
        <v>43753</v>
      </c>
    </row>
    <row r="45" spans="1:9" ht="24" x14ac:dyDescent="0.2">
      <c r="A45" s="4">
        <v>43556</v>
      </c>
      <c r="B45" s="5" t="s">
        <v>9</v>
      </c>
      <c r="C45" s="5" t="s">
        <v>146</v>
      </c>
      <c r="D45" s="6" t="s">
        <v>153</v>
      </c>
      <c r="E45" s="5" t="s">
        <v>152</v>
      </c>
      <c r="F45" s="7">
        <v>6600</v>
      </c>
      <c r="G45" s="5" t="s">
        <v>154</v>
      </c>
      <c r="H45" s="6" t="s">
        <v>155</v>
      </c>
      <c r="I45" s="8">
        <v>43753</v>
      </c>
    </row>
    <row r="46" spans="1:9" ht="24" x14ac:dyDescent="0.2">
      <c r="A46" s="4">
        <v>43556</v>
      </c>
      <c r="B46" s="5" t="s">
        <v>9</v>
      </c>
      <c r="C46" s="5" t="s">
        <v>146</v>
      </c>
      <c r="D46" s="6" t="s">
        <v>156</v>
      </c>
      <c r="E46" s="5" t="s">
        <v>157</v>
      </c>
      <c r="F46" s="7">
        <v>86900</v>
      </c>
      <c r="G46" s="5" t="s">
        <v>59</v>
      </c>
      <c r="H46" s="6" t="s">
        <v>60</v>
      </c>
      <c r="I46" s="8">
        <v>43776</v>
      </c>
    </row>
    <row r="47" spans="1:9" ht="24" x14ac:dyDescent="0.2">
      <c r="A47" s="4">
        <v>43556</v>
      </c>
      <c r="B47" s="5" t="s">
        <v>9</v>
      </c>
      <c r="C47" s="5" t="s">
        <v>146</v>
      </c>
      <c r="D47" s="6" t="s">
        <v>158</v>
      </c>
      <c r="E47" s="5" t="s">
        <v>159</v>
      </c>
      <c r="F47" s="7">
        <v>81631</v>
      </c>
      <c r="G47" s="5" t="s">
        <v>160</v>
      </c>
      <c r="H47" s="6" t="s">
        <v>161</v>
      </c>
      <c r="I47" s="8">
        <v>43809</v>
      </c>
    </row>
    <row r="48" spans="1:9" ht="24" x14ac:dyDescent="0.2">
      <c r="A48" s="4">
        <v>43556</v>
      </c>
      <c r="B48" s="5" t="s">
        <v>9</v>
      </c>
      <c r="C48" s="5" t="s">
        <v>146</v>
      </c>
      <c r="D48" s="6" t="s">
        <v>162</v>
      </c>
      <c r="E48" s="5" t="s">
        <v>163</v>
      </c>
      <c r="F48" s="7">
        <v>37173</v>
      </c>
      <c r="G48" s="5" t="s">
        <v>121</v>
      </c>
      <c r="H48" s="6" t="s">
        <v>122</v>
      </c>
      <c r="I48" s="8">
        <v>43817</v>
      </c>
    </row>
    <row r="49" spans="1:9" ht="24" x14ac:dyDescent="0.2">
      <c r="A49" s="4">
        <v>43556</v>
      </c>
      <c r="B49" s="5" t="s">
        <v>9</v>
      </c>
      <c r="C49" s="5" t="s">
        <v>146</v>
      </c>
      <c r="D49" s="6" t="s">
        <v>164</v>
      </c>
      <c r="E49" s="5" t="s">
        <v>165</v>
      </c>
      <c r="F49" s="7">
        <v>10087</v>
      </c>
      <c r="G49" s="5" t="s">
        <v>55</v>
      </c>
      <c r="H49" s="6" t="s">
        <v>56</v>
      </c>
      <c r="I49" s="8">
        <v>43819</v>
      </c>
    </row>
    <row r="50" spans="1:9" ht="24" x14ac:dyDescent="0.2">
      <c r="A50" s="4">
        <v>43556</v>
      </c>
      <c r="B50" s="5" t="s">
        <v>9</v>
      </c>
      <c r="C50" s="5" t="s">
        <v>146</v>
      </c>
      <c r="D50" s="6" t="s">
        <v>166</v>
      </c>
      <c r="E50" s="5" t="s">
        <v>167</v>
      </c>
      <c r="F50" s="7">
        <v>23925</v>
      </c>
      <c r="G50" s="5" t="s">
        <v>13</v>
      </c>
      <c r="H50" s="6" t="s">
        <v>14</v>
      </c>
      <c r="I50" s="8">
        <v>43823</v>
      </c>
    </row>
    <row r="51" spans="1:9" ht="24" x14ac:dyDescent="0.2">
      <c r="A51" s="4">
        <v>43556</v>
      </c>
      <c r="B51" s="5" t="s">
        <v>9</v>
      </c>
      <c r="C51" s="5" t="s">
        <v>146</v>
      </c>
      <c r="D51" s="6" t="s">
        <v>168</v>
      </c>
      <c r="E51" s="5" t="s">
        <v>169</v>
      </c>
      <c r="F51" s="7">
        <v>99000</v>
      </c>
      <c r="G51" s="5" t="s">
        <v>170</v>
      </c>
      <c r="H51" s="6" t="s">
        <v>171</v>
      </c>
      <c r="I51" s="8">
        <v>43825</v>
      </c>
    </row>
    <row r="52" spans="1:9" ht="24" x14ac:dyDescent="0.2">
      <c r="A52" s="4">
        <v>43556</v>
      </c>
      <c r="B52" s="5" t="s">
        <v>9</v>
      </c>
      <c r="C52" s="5" t="s">
        <v>172</v>
      </c>
      <c r="D52" s="6" t="s">
        <v>173</v>
      </c>
      <c r="E52" s="5" t="s">
        <v>174</v>
      </c>
      <c r="F52" s="7">
        <v>7590</v>
      </c>
      <c r="G52" s="5" t="s">
        <v>175</v>
      </c>
      <c r="H52" s="6" t="s">
        <v>176</v>
      </c>
      <c r="I52" s="8">
        <v>43748</v>
      </c>
    </row>
    <row r="53" spans="1:9" x14ac:dyDescent="0.2">
      <c r="A53" s="4">
        <v>43556</v>
      </c>
      <c r="B53" s="5" t="s">
        <v>9</v>
      </c>
      <c r="C53" s="5" t="s">
        <v>172</v>
      </c>
      <c r="D53" s="6" t="s">
        <v>177</v>
      </c>
      <c r="E53" s="5" t="s">
        <v>178</v>
      </c>
      <c r="F53" s="7">
        <v>312</v>
      </c>
      <c r="G53" s="5" t="s">
        <v>1083</v>
      </c>
      <c r="H53" s="6" t="s">
        <v>179</v>
      </c>
      <c r="I53" s="8">
        <v>43759</v>
      </c>
    </row>
    <row r="54" spans="1:9" ht="24" x14ac:dyDescent="0.2">
      <c r="A54" s="4">
        <v>43556</v>
      </c>
      <c r="B54" s="5" t="s">
        <v>9</v>
      </c>
      <c r="C54" s="5" t="s">
        <v>172</v>
      </c>
      <c r="D54" s="6" t="s">
        <v>180</v>
      </c>
      <c r="E54" s="5" t="s">
        <v>181</v>
      </c>
      <c r="F54" s="7">
        <v>6842</v>
      </c>
      <c r="G54" s="5" t="s">
        <v>182</v>
      </c>
      <c r="H54" s="6" t="s">
        <v>183</v>
      </c>
      <c r="I54" s="8">
        <v>43763</v>
      </c>
    </row>
    <row r="55" spans="1:9" ht="24" x14ac:dyDescent="0.2">
      <c r="A55" s="4">
        <v>43556</v>
      </c>
      <c r="B55" s="5" t="s">
        <v>9</v>
      </c>
      <c r="C55" s="5" t="s">
        <v>172</v>
      </c>
      <c r="D55" s="6" t="s">
        <v>184</v>
      </c>
      <c r="E55" s="5" t="s">
        <v>185</v>
      </c>
      <c r="F55" s="7">
        <v>47579</v>
      </c>
      <c r="G55" s="5" t="s">
        <v>182</v>
      </c>
      <c r="H55" s="6" t="s">
        <v>183</v>
      </c>
      <c r="I55" s="8">
        <v>43789</v>
      </c>
    </row>
    <row r="56" spans="1:9" ht="24" x14ac:dyDescent="0.2">
      <c r="A56" s="4">
        <v>43556</v>
      </c>
      <c r="B56" s="5" t="s">
        <v>9</v>
      </c>
      <c r="C56" s="5" t="s">
        <v>172</v>
      </c>
      <c r="D56" s="6" t="s">
        <v>186</v>
      </c>
      <c r="E56" s="5" t="s">
        <v>187</v>
      </c>
      <c r="F56" s="7">
        <v>9240</v>
      </c>
      <c r="G56" s="5" t="s">
        <v>13</v>
      </c>
      <c r="H56" s="6" t="s">
        <v>14</v>
      </c>
      <c r="I56" s="8">
        <v>43796</v>
      </c>
    </row>
    <row r="57" spans="1:9" ht="24" x14ac:dyDescent="0.2">
      <c r="A57" s="4">
        <v>43556</v>
      </c>
      <c r="B57" s="5" t="s">
        <v>9</v>
      </c>
      <c r="C57" s="5" t="s">
        <v>188</v>
      </c>
      <c r="D57" s="6" t="s">
        <v>189</v>
      </c>
      <c r="E57" s="5" t="s">
        <v>190</v>
      </c>
      <c r="F57" s="7">
        <v>7887</v>
      </c>
      <c r="G57" s="5" t="s">
        <v>191</v>
      </c>
      <c r="H57" s="6" t="s">
        <v>192</v>
      </c>
      <c r="I57" s="8">
        <v>43739</v>
      </c>
    </row>
    <row r="58" spans="1:9" ht="24" x14ac:dyDescent="0.2">
      <c r="A58" s="4">
        <v>43556</v>
      </c>
      <c r="B58" s="5" t="s">
        <v>9</v>
      </c>
      <c r="C58" s="5" t="s">
        <v>188</v>
      </c>
      <c r="D58" s="6" t="s">
        <v>193</v>
      </c>
      <c r="E58" s="5" t="s">
        <v>194</v>
      </c>
      <c r="F58" s="7">
        <v>134750</v>
      </c>
      <c r="G58" s="5" t="s">
        <v>195</v>
      </c>
      <c r="H58" s="6" t="s">
        <v>196</v>
      </c>
      <c r="I58" s="8">
        <v>43742</v>
      </c>
    </row>
    <row r="59" spans="1:9" ht="24" x14ac:dyDescent="0.2">
      <c r="A59" s="4">
        <v>43556</v>
      </c>
      <c r="B59" s="5" t="s">
        <v>9</v>
      </c>
      <c r="C59" s="5" t="s">
        <v>188</v>
      </c>
      <c r="D59" s="6" t="s">
        <v>197</v>
      </c>
      <c r="E59" s="5" t="s">
        <v>198</v>
      </c>
      <c r="F59" s="7">
        <v>41338</v>
      </c>
      <c r="G59" s="5" t="s">
        <v>195</v>
      </c>
      <c r="H59" s="6" t="s">
        <v>196</v>
      </c>
      <c r="I59" s="8">
        <v>43747</v>
      </c>
    </row>
    <row r="60" spans="1:9" ht="24" x14ac:dyDescent="0.2">
      <c r="A60" s="4">
        <v>43556</v>
      </c>
      <c r="B60" s="5" t="s">
        <v>9</v>
      </c>
      <c r="C60" s="5" t="s">
        <v>188</v>
      </c>
      <c r="D60" s="6" t="s">
        <v>199</v>
      </c>
      <c r="E60" s="5" t="s">
        <v>200</v>
      </c>
      <c r="F60" s="7">
        <v>6116</v>
      </c>
      <c r="G60" s="5" t="s">
        <v>201</v>
      </c>
      <c r="H60" s="6" t="s">
        <v>202</v>
      </c>
      <c r="I60" s="8">
        <v>43747</v>
      </c>
    </row>
    <row r="61" spans="1:9" ht="24" x14ac:dyDescent="0.2">
      <c r="A61" s="4">
        <v>43556</v>
      </c>
      <c r="B61" s="5" t="s">
        <v>9</v>
      </c>
      <c r="C61" s="5" t="s">
        <v>188</v>
      </c>
      <c r="D61" s="6" t="s">
        <v>203</v>
      </c>
      <c r="E61" s="5" t="s">
        <v>204</v>
      </c>
      <c r="F61" s="7">
        <v>11000</v>
      </c>
      <c r="G61" s="5" t="s">
        <v>13</v>
      </c>
      <c r="H61" s="6" t="s">
        <v>14</v>
      </c>
      <c r="I61" s="8">
        <v>43761</v>
      </c>
    </row>
    <row r="62" spans="1:9" ht="36" x14ac:dyDescent="0.2">
      <c r="A62" s="4">
        <v>43556</v>
      </c>
      <c r="B62" s="5" t="s">
        <v>9</v>
      </c>
      <c r="C62" s="5" t="s">
        <v>188</v>
      </c>
      <c r="D62" s="6" t="s">
        <v>205</v>
      </c>
      <c r="E62" s="5" t="s">
        <v>206</v>
      </c>
      <c r="F62" s="7">
        <v>2640</v>
      </c>
      <c r="G62" s="5" t="s">
        <v>207</v>
      </c>
      <c r="H62" s="6" t="s">
        <v>208</v>
      </c>
      <c r="I62" s="8">
        <v>43762</v>
      </c>
    </row>
    <row r="63" spans="1:9" ht="24" x14ac:dyDescent="0.2">
      <c r="A63" s="4">
        <v>43556</v>
      </c>
      <c r="B63" s="5" t="s">
        <v>9</v>
      </c>
      <c r="C63" s="5" t="s">
        <v>188</v>
      </c>
      <c r="D63" s="6" t="s">
        <v>209</v>
      </c>
      <c r="E63" s="5" t="s">
        <v>210</v>
      </c>
      <c r="F63" s="7">
        <v>1526206</v>
      </c>
      <c r="G63" s="5" t="s">
        <v>195</v>
      </c>
      <c r="H63" s="6" t="s">
        <v>196</v>
      </c>
      <c r="I63" s="8">
        <v>43769</v>
      </c>
    </row>
    <row r="64" spans="1:9" ht="24" x14ac:dyDescent="0.2">
      <c r="A64" s="4">
        <v>43556</v>
      </c>
      <c r="B64" s="5" t="s">
        <v>9</v>
      </c>
      <c r="C64" s="5" t="s">
        <v>188</v>
      </c>
      <c r="D64" s="6" t="s">
        <v>211</v>
      </c>
      <c r="E64" s="5" t="s">
        <v>212</v>
      </c>
      <c r="F64" s="7">
        <v>45430</v>
      </c>
      <c r="G64" s="5" t="s">
        <v>213</v>
      </c>
      <c r="H64" s="6" t="s">
        <v>36</v>
      </c>
      <c r="I64" s="8">
        <v>43770</v>
      </c>
    </row>
    <row r="65" spans="1:9" ht="24" x14ac:dyDescent="0.2">
      <c r="A65" s="4">
        <v>43556</v>
      </c>
      <c r="B65" s="5" t="s">
        <v>9</v>
      </c>
      <c r="C65" s="5" t="s">
        <v>188</v>
      </c>
      <c r="D65" s="6" t="s">
        <v>214</v>
      </c>
      <c r="E65" s="5" t="s">
        <v>215</v>
      </c>
      <c r="F65" s="7">
        <v>43874</v>
      </c>
      <c r="G65" s="5" t="s">
        <v>201</v>
      </c>
      <c r="H65" s="6" t="s">
        <v>202</v>
      </c>
      <c r="I65" s="8">
        <v>43780</v>
      </c>
    </row>
    <row r="66" spans="1:9" ht="24" x14ac:dyDescent="0.2">
      <c r="A66" s="4">
        <v>43556</v>
      </c>
      <c r="B66" s="5" t="s">
        <v>9</v>
      </c>
      <c r="C66" s="5" t="s">
        <v>188</v>
      </c>
      <c r="D66" s="6" t="s">
        <v>216</v>
      </c>
      <c r="E66" s="5" t="s">
        <v>217</v>
      </c>
      <c r="F66" s="7">
        <v>83166</v>
      </c>
      <c r="G66" s="5" t="s">
        <v>31</v>
      </c>
      <c r="H66" s="6" t="s">
        <v>32</v>
      </c>
      <c r="I66" s="8">
        <v>43787</v>
      </c>
    </row>
    <row r="67" spans="1:9" ht="24" x14ac:dyDescent="0.2">
      <c r="A67" s="4">
        <v>43556</v>
      </c>
      <c r="B67" s="5" t="s">
        <v>9</v>
      </c>
      <c r="C67" s="5" t="s">
        <v>188</v>
      </c>
      <c r="D67" s="6" t="s">
        <v>218</v>
      </c>
      <c r="E67" s="5" t="s">
        <v>219</v>
      </c>
      <c r="F67" s="7">
        <v>27879</v>
      </c>
      <c r="G67" s="5" t="s">
        <v>220</v>
      </c>
      <c r="H67" s="6" t="s">
        <v>221</v>
      </c>
      <c r="I67" s="8">
        <v>43787</v>
      </c>
    </row>
    <row r="68" spans="1:9" x14ac:dyDescent="0.2">
      <c r="A68" s="4">
        <v>43556</v>
      </c>
      <c r="B68" s="5" t="s">
        <v>9</v>
      </c>
      <c r="C68" s="5" t="s">
        <v>188</v>
      </c>
      <c r="D68" s="6" t="s">
        <v>222</v>
      </c>
      <c r="E68" s="5" t="s">
        <v>223</v>
      </c>
      <c r="F68" s="7">
        <v>8000</v>
      </c>
      <c r="G68" s="5" t="s">
        <v>224</v>
      </c>
      <c r="H68" s="6" t="s">
        <v>179</v>
      </c>
      <c r="I68" s="8">
        <v>43788</v>
      </c>
    </row>
    <row r="69" spans="1:9" ht="24" x14ac:dyDescent="0.2">
      <c r="A69" s="4">
        <v>43556</v>
      </c>
      <c r="B69" s="5" t="s">
        <v>9</v>
      </c>
      <c r="C69" s="5" t="s">
        <v>188</v>
      </c>
      <c r="D69" s="6" t="s">
        <v>225</v>
      </c>
      <c r="E69" s="5" t="s">
        <v>226</v>
      </c>
      <c r="F69" s="7">
        <v>76076</v>
      </c>
      <c r="G69" s="5" t="s">
        <v>227</v>
      </c>
      <c r="H69" s="6" t="s">
        <v>228</v>
      </c>
      <c r="I69" s="8">
        <v>43790</v>
      </c>
    </row>
    <row r="70" spans="1:9" ht="24" x14ac:dyDescent="0.2">
      <c r="A70" s="4">
        <v>43556</v>
      </c>
      <c r="B70" s="5" t="s">
        <v>9</v>
      </c>
      <c r="C70" s="5" t="s">
        <v>188</v>
      </c>
      <c r="D70" s="6" t="s">
        <v>229</v>
      </c>
      <c r="E70" s="5" t="s">
        <v>230</v>
      </c>
      <c r="F70" s="7">
        <v>73260</v>
      </c>
      <c r="G70" s="5" t="s">
        <v>231</v>
      </c>
      <c r="H70" s="6" t="s">
        <v>232</v>
      </c>
      <c r="I70" s="8">
        <v>43796</v>
      </c>
    </row>
    <row r="71" spans="1:9" ht="24" x14ac:dyDescent="0.2">
      <c r="A71" s="4">
        <v>43556</v>
      </c>
      <c r="B71" s="5" t="s">
        <v>9</v>
      </c>
      <c r="C71" s="5" t="s">
        <v>188</v>
      </c>
      <c r="D71" s="6" t="s">
        <v>233</v>
      </c>
      <c r="E71" s="5" t="s">
        <v>234</v>
      </c>
      <c r="F71" s="7">
        <v>39200</v>
      </c>
      <c r="G71" s="5" t="s">
        <v>235</v>
      </c>
      <c r="H71" s="6" t="s">
        <v>236</v>
      </c>
      <c r="I71" s="8">
        <v>43797</v>
      </c>
    </row>
    <row r="72" spans="1:9" ht="24" x14ac:dyDescent="0.2">
      <c r="A72" s="4">
        <v>43556</v>
      </c>
      <c r="B72" s="5" t="s">
        <v>9</v>
      </c>
      <c r="C72" s="5" t="s">
        <v>188</v>
      </c>
      <c r="D72" s="6" t="s">
        <v>237</v>
      </c>
      <c r="E72" s="5" t="s">
        <v>238</v>
      </c>
      <c r="F72" s="7">
        <v>45760</v>
      </c>
      <c r="G72" s="5" t="s">
        <v>239</v>
      </c>
      <c r="H72" s="6" t="s">
        <v>240</v>
      </c>
      <c r="I72" s="8">
        <v>43797</v>
      </c>
    </row>
    <row r="73" spans="1:9" ht="24" x14ac:dyDescent="0.2">
      <c r="A73" s="4">
        <v>43556</v>
      </c>
      <c r="B73" s="5" t="s">
        <v>9</v>
      </c>
      <c r="C73" s="5" t="s">
        <v>188</v>
      </c>
      <c r="D73" s="6" t="s">
        <v>241</v>
      </c>
      <c r="E73" s="5" t="s">
        <v>242</v>
      </c>
      <c r="F73" s="7">
        <v>9240</v>
      </c>
      <c r="G73" s="5" t="s">
        <v>243</v>
      </c>
      <c r="H73" s="6" t="s">
        <v>179</v>
      </c>
      <c r="I73" s="8">
        <v>43803</v>
      </c>
    </row>
    <row r="74" spans="1:9" x14ac:dyDescent="0.2">
      <c r="A74" s="4">
        <v>43556</v>
      </c>
      <c r="B74" s="5" t="s">
        <v>9</v>
      </c>
      <c r="C74" s="5" t="s">
        <v>188</v>
      </c>
      <c r="D74" s="6" t="s">
        <v>244</v>
      </c>
      <c r="E74" s="5" t="s">
        <v>245</v>
      </c>
      <c r="F74" s="7">
        <v>289520</v>
      </c>
      <c r="G74" s="5" t="s">
        <v>246</v>
      </c>
      <c r="H74" s="6" t="s">
        <v>179</v>
      </c>
      <c r="I74" s="8">
        <v>43805</v>
      </c>
    </row>
    <row r="75" spans="1:9" ht="24" x14ac:dyDescent="0.2">
      <c r="A75" s="4">
        <v>43556</v>
      </c>
      <c r="B75" s="5" t="s">
        <v>9</v>
      </c>
      <c r="C75" s="5" t="s">
        <v>188</v>
      </c>
      <c r="D75" s="6" t="s">
        <v>247</v>
      </c>
      <c r="E75" s="5" t="s">
        <v>248</v>
      </c>
      <c r="F75" s="7">
        <v>3787</v>
      </c>
      <c r="G75" s="5" t="s">
        <v>249</v>
      </c>
      <c r="H75" s="6" t="s">
        <v>250</v>
      </c>
      <c r="I75" s="8">
        <v>43805</v>
      </c>
    </row>
    <row r="76" spans="1:9" ht="24" x14ac:dyDescent="0.2">
      <c r="A76" s="4">
        <v>43556</v>
      </c>
      <c r="B76" s="5" t="s">
        <v>9</v>
      </c>
      <c r="C76" s="5" t="s">
        <v>188</v>
      </c>
      <c r="D76" s="6" t="s">
        <v>251</v>
      </c>
      <c r="E76" s="5" t="s">
        <v>252</v>
      </c>
      <c r="F76" s="7">
        <v>183700</v>
      </c>
      <c r="G76" s="5" t="s">
        <v>13</v>
      </c>
      <c r="H76" s="6" t="s">
        <v>14</v>
      </c>
      <c r="I76" s="8">
        <v>43808</v>
      </c>
    </row>
    <row r="77" spans="1:9" ht="24" x14ac:dyDescent="0.2">
      <c r="A77" s="4">
        <v>43556</v>
      </c>
      <c r="B77" s="5" t="s">
        <v>9</v>
      </c>
      <c r="C77" s="5" t="s">
        <v>188</v>
      </c>
      <c r="D77" s="6" t="s">
        <v>253</v>
      </c>
      <c r="E77" s="5" t="s">
        <v>254</v>
      </c>
      <c r="F77" s="7">
        <v>7519</v>
      </c>
      <c r="G77" s="5" t="s">
        <v>195</v>
      </c>
      <c r="H77" s="6" t="s">
        <v>196</v>
      </c>
      <c r="I77" s="8">
        <v>43811</v>
      </c>
    </row>
    <row r="78" spans="1:9" ht="24" x14ac:dyDescent="0.2">
      <c r="A78" s="4">
        <v>43556</v>
      </c>
      <c r="B78" s="5" t="s">
        <v>9</v>
      </c>
      <c r="C78" s="5" t="s">
        <v>188</v>
      </c>
      <c r="D78" s="6" t="s">
        <v>255</v>
      </c>
      <c r="E78" s="5" t="s">
        <v>42</v>
      </c>
      <c r="F78" s="7">
        <v>284526</v>
      </c>
      <c r="G78" s="5" t="s">
        <v>256</v>
      </c>
      <c r="H78" s="6" t="s">
        <v>257</v>
      </c>
      <c r="I78" s="8">
        <v>43819</v>
      </c>
    </row>
    <row r="79" spans="1:9" ht="24" x14ac:dyDescent="0.2">
      <c r="A79" s="4">
        <v>43556</v>
      </c>
      <c r="B79" s="5" t="s">
        <v>9</v>
      </c>
      <c r="C79" s="5" t="s">
        <v>188</v>
      </c>
      <c r="D79" s="6" t="s">
        <v>258</v>
      </c>
      <c r="E79" s="5" t="s">
        <v>259</v>
      </c>
      <c r="F79" s="7">
        <v>61325</v>
      </c>
      <c r="G79" s="5" t="s">
        <v>31</v>
      </c>
      <c r="H79" s="6" t="s">
        <v>32</v>
      </c>
      <c r="I79" s="8">
        <v>43822</v>
      </c>
    </row>
    <row r="80" spans="1:9" ht="24" x14ac:dyDescent="0.2">
      <c r="A80" s="4">
        <v>43556</v>
      </c>
      <c r="B80" s="5" t="s">
        <v>9</v>
      </c>
      <c r="C80" s="5" t="s">
        <v>188</v>
      </c>
      <c r="D80" s="6" t="s">
        <v>260</v>
      </c>
      <c r="E80" s="5" t="s">
        <v>261</v>
      </c>
      <c r="F80" s="7">
        <v>45000</v>
      </c>
      <c r="G80" s="5" t="s">
        <v>262</v>
      </c>
      <c r="H80" s="6" t="s">
        <v>263</v>
      </c>
      <c r="I80" s="8">
        <v>43824</v>
      </c>
    </row>
    <row r="81" spans="1:9" ht="24" x14ac:dyDescent="0.2">
      <c r="A81" s="4">
        <v>43556</v>
      </c>
      <c r="B81" s="5" t="s">
        <v>9</v>
      </c>
      <c r="C81" s="5" t="s">
        <v>188</v>
      </c>
      <c r="D81" s="6" t="s">
        <v>264</v>
      </c>
      <c r="E81" s="5" t="s">
        <v>265</v>
      </c>
      <c r="F81" s="7">
        <v>177100</v>
      </c>
      <c r="G81" s="5" t="s">
        <v>195</v>
      </c>
      <c r="H81" s="6" t="s">
        <v>196</v>
      </c>
      <c r="I81" s="8">
        <v>43825</v>
      </c>
    </row>
    <row r="82" spans="1:9" ht="24" x14ac:dyDescent="0.2">
      <c r="A82" s="4">
        <v>43556</v>
      </c>
      <c r="B82" s="5" t="s">
        <v>9</v>
      </c>
      <c r="C82" s="5" t="s">
        <v>266</v>
      </c>
      <c r="D82" s="6" t="s">
        <v>267</v>
      </c>
      <c r="E82" s="5" t="s">
        <v>268</v>
      </c>
      <c r="F82" s="7">
        <v>36413</v>
      </c>
      <c r="G82" s="5" t="s">
        <v>269</v>
      </c>
      <c r="H82" s="6" t="s">
        <v>270</v>
      </c>
      <c r="I82" s="8">
        <v>43741</v>
      </c>
    </row>
    <row r="83" spans="1:9" ht="24" x14ac:dyDescent="0.2">
      <c r="A83" s="4">
        <v>43556</v>
      </c>
      <c r="B83" s="5" t="s">
        <v>9</v>
      </c>
      <c r="C83" s="5" t="s">
        <v>266</v>
      </c>
      <c r="D83" s="6" t="s">
        <v>271</v>
      </c>
      <c r="E83" s="5" t="s">
        <v>272</v>
      </c>
      <c r="F83" s="7">
        <v>45614</v>
      </c>
      <c r="G83" s="5" t="s">
        <v>31</v>
      </c>
      <c r="H83" s="6" t="s">
        <v>32</v>
      </c>
      <c r="I83" s="8">
        <v>43742</v>
      </c>
    </row>
    <row r="84" spans="1:9" ht="24" x14ac:dyDescent="0.2">
      <c r="A84" s="4">
        <v>43556</v>
      </c>
      <c r="B84" s="5" t="s">
        <v>9</v>
      </c>
      <c r="C84" s="5" t="s">
        <v>266</v>
      </c>
      <c r="D84" s="6" t="s">
        <v>273</v>
      </c>
      <c r="E84" s="5" t="s">
        <v>274</v>
      </c>
      <c r="F84" s="7">
        <v>114064</v>
      </c>
      <c r="G84" s="5" t="s">
        <v>275</v>
      </c>
      <c r="H84" s="6" t="s">
        <v>276</v>
      </c>
      <c r="I84" s="8">
        <v>43742</v>
      </c>
    </row>
    <row r="85" spans="1:9" ht="24" x14ac:dyDescent="0.2">
      <c r="A85" s="4">
        <v>43556</v>
      </c>
      <c r="B85" s="5" t="s">
        <v>9</v>
      </c>
      <c r="C85" s="5" t="s">
        <v>266</v>
      </c>
      <c r="D85" s="6" t="s">
        <v>277</v>
      </c>
      <c r="E85" s="5" t="s">
        <v>278</v>
      </c>
      <c r="F85" s="7">
        <v>15510</v>
      </c>
      <c r="G85" s="5" t="s">
        <v>279</v>
      </c>
      <c r="H85" s="6" t="s">
        <v>280</v>
      </c>
      <c r="I85" s="8">
        <v>43746</v>
      </c>
    </row>
    <row r="86" spans="1:9" ht="24" x14ac:dyDescent="0.2">
      <c r="A86" s="4">
        <v>43556</v>
      </c>
      <c r="B86" s="5" t="s">
        <v>9</v>
      </c>
      <c r="C86" s="5" t="s">
        <v>266</v>
      </c>
      <c r="D86" s="6" t="s">
        <v>281</v>
      </c>
      <c r="E86" s="5" t="s">
        <v>282</v>
      </c>
      <c r="F86" s="7">
        <v>141581</v>
      </c>
      <c r="G86" s="5" t="s">
        <v>283</v>
      </c>
      <c r="H86" s="6" t="s">
        <v>284</v>
      </c>
      <c r="I86" s="8">
        <v>43755</v>
      </c>
    </row>
    <row r="87" spans="1:9" ht="24" x14ac:dyDescent="0.2">
      <c r="A87" s="4">
        <v>43556</v>
      </c>
      <c r="B87" s="5" t="s">
        <v>9</v>
      </c>
      <c r="C87" s="5" t="s">
        <v>266</v>
      </c>
      <c r="D87" s="6" t="s">
        <v>285</v>
      </c>
      <c r="E87" s="5" t="s">
        <v>286</v>
      </c>
      <c r="F87" s="7">
        <v>43733</v>
      </c>
      <c r="G87" s="5" t="s">
        <v>31</v>
      </c>
      <c r="H87" s="6" t="s">
        <v>32</v>
      </c>
      <c r="I87" s="8">
        <v>43776</v>
      </c>
    </row>
    <row r="88" spans="1:9" ht="24" x14ac:dyDescent="0.2">
      <c r="A88" s="4">
        <v>43556</v>
      </c>
      <c r="B88" s="5" t="s">
        <v>9</v>
      </c>
      <c r="C88" s="5" t="s">
        <v>266</v>
      </c>
      <c r="D88" s="6" t="s">
        <v>287</v>
      </c>
      <c r="E88" s="5" t="s">
        <v>288</v>
      </c>
      <c r="F88" s="7">
        <v>39105</v>
      </c>
      <c r="G88" s="5" t="s">
        <v>283</v>
      </c>
      <c r="H88" s="6" t="s">
        <v>284</v>
      </c>
      <c r="I88" s="8">
        <v>43777</v>
      </c>
    </row>
    <row r="89" spans="1:9" ht="24" x14ac:dyDescent="0.2">
      <c r="A89" s="4">
        <v>43556</v>
      </c>
      <c r="B89" s="5" t="s">
        <v>9</v>
      </c>
      <c r="C89" s="5" t="s">
        <v>266</v>
      </c>
      <c r="D89" s="6" t="s">
        <v>289</v>
      </c>
      <c r="E89" s="5" t="s">
        <v>268</v>
      </c>
      <c r="F89" s="7">
        <v>29377</v>
      </c>
      <c r="G89" s="5" t="s">
        <v>269</v>
      </c>
      <c r="H89" s="6" t="s">
        <v>270</v>
      </c>
      <c r="I89" s="8">
        <v>43777</v>
      </c>
    </row>
    <row r="90" spans="1:9" ht="24" x14ac:dyDescent="0.2">
      <c r="A90" s="4">
        <v>43556</v>
      </c>
      <c r="B90" s="5" t="s">
        <v>9</v>
      </c>
      <c r="C90" s="5" t="s">
        <v>266</v>
      </c>
      <c r="D90" s="6" t="s">
        <v>290</v>
      </c>
      <c r="E90" s="5" t="s">
        <v>230</v>
      </c>
      <c r="F90" s="7">
        <v>36960</v>
      </c>
      <c r="G90" s="5" t="s">
        <v>279</v>
      </c>
      <c r="H90" s="6" t="s">
        <v>280</v>
      </c>
      <c r="I90" s="8">
        <v>43782</v>
      </c>
    </row>
    <row r="91" spans="1:9" ht="24" x14ac:dyDescent="0.2">
      <c r="A91" s="4">
        <v>43556</v>
      </c>
      <c r="B91" s="5" t="s">
        <v>9</v>
      </c>
      <c r="C91" s="5" t="s">
        <v>266</v>
      </c>
      <c r="D91" s="6" t="s">
        <v>291</v>
      </c>
      <c r="E91" s="5" t="s">
        <v>292</v>
      </c>
      <c r="F91" s="7">
        <v>22176</v>
      </c>
      <c r="G91" s="5" t="s">
        <v>293</v>
      </c>
      <c r="H91" s="6" t="s">
        <v>294</v>
      </c>
      <c r="I91" s="8">
        <v>43787</v>
      </c>
    </row>
    <row r="92" spans="1:9" ht="24" x14ac:dyDescent="0.2">
      <c r="A92" s="4">
        <v>43556</v>
      </c>
      <c r="B92" s="5" t="s">
        <v>9</v>
      </c>
      <c r="C92" s="5" t="s">
        <v>266</v>
      </c>
      <c r="D92" s="6" t="s">
        <v>295</v>
      </c>
      <c r="E92" s="5" t="s">
        <v>268</v>
      </c>
      <c r="F92" s="7">
        <v>25286</v>
      </c>
      <c r="G92" s="5" t="s">
        <v>269</v>
      </c>
      <c r="H92" s="6" t="s">
        <v>270</v>
      </c>
      <c r="I92" s="8">
        <v>43794</v>
      </c>
    </row>
    <row r="93" spans="1:9" ht="24" x14ac:dyDescent="0.2">
      <c r="A93" s="4">
        <v>43556</v>
      </c>
      <c r="B93" s="5" t="s">
        <v>9</v>
      </c>
      <c r="C93" s="5" t="s">
        <v>266</v>
      </c>
      <c r="D93" s="6" t="s">
        <v>296</v>
      </c>
      <c r="E93" s="5" t="s">
        <v>297</v>
      </c>
      <c r="F93" s="7">
        <v>45676</v>
      </c>
      <c r="G93" s="5" t="s">
        <v>31</v>
      </c>
      <c r="H93" s="6" t="s">
        <v>32</v>
      </c>
      <c r="I93" s="8">
        <v>43794</v>
      </c>
    </row>
    <row r="94" spans="1:9" ht="24" x14ac:dyDescent="0.2">
      <c r="A94" s="4">
        <v>43556</v>
      </c>
      <c r="B94" s="5" t="s">
        <v>9</v>
      </c>
      <c r="C94" s="5" t="s">
        <v>266</v>
      </c>
      <c r="D94" s="6" t="s">
        <v>298</v>
      </c>
      <c r="E94" s="5" t="s">
        <v>282</v>
      </c>
      <c r="F94" s="7">
        <v>145959</v>
      </c>
      <c r="G94" s="5" t="s">
        <v>283</v>
      </c>
      <c r="H94" s="6" t="s">
        <v>284</v>
      </c>
      <c r="I94" s="8">
        <v>43796</v>
      </c>
    </row>
    <row r="95" spans="1:9" ht="24" x14ac:dyDescent="0.2">
      <c r="A95" s="4">
        <v>43556</v>
      </c>
      <c r="B95" s="5" t="s">
        <v>9</v>
      </c>
      <c r="C95" s="5" t="s">
        <v>266</v>
      </c>
      <c r="D95" s="6" t="s">
        <v>299</v>
      </c>
      <c r="E95" s="5" t="s">
        <v>300</v>
      </c>
      <c r="F95" s="7">
        <v>70070</v>
      </c>
      <c r="G95" s="5" t="s">
        <v>293</v>
      </c>
      <c r="H95" s="6" t="s">
        <v>294</v>
      </c>
      <c r="I95" s="8">
        <v>43809</v>
      </c>
    </row>
    <row r="96" spans="1:9" ht="24" x14ac:dyDescent="0.2">
      <c r="A96" s="4">
        <v>43556</v>
      </c>
      <c r="B96" s="5" t="s">
        <v>9</v>
      </c>
      <c r="C96" s="5" t="s">
        <v>266</v>
      </c>
      <c r="D96" s="6" t="s">
        <v>301</v>
      </c>
      <c r="E96" s="5" t="s">
        <v>302</v>
      </c>
      <c r="F96" s="7">
        <v>23760</v>
      </c>
      <c r="G96" s="5" t="s">
        <v>303</v>
      </c>
      <c r="H96" s="6" t="s">
        <v>304</v>
      </c>
      <c r="I96" s="8">
        <v>43818</v>
      </c>
    </row>
    <row r="97" spans="1:9" ht="24" x14ac:dyDescent="0.2">
      <c r="A97" s="4">
        <v>43556</v>
      </c>
      <c r="B97" s="5" t="s">
        <v>9</v>
      </c>
      <c r="C97" s="5" t="s">
        <v>305</v>
      </c>
      <c r="D97" s="6" t="s">
        <v>306</v>
      </c>
      <c r="E97" s="5" t="s">
        <v>307</v>
      </c>
      <c r="F97" s="7">
        <v>148000</v>
      </c>
      <c r="G97" s="5" t="s">
        <v>195</v>
      </c>
      <c r="H97" s="6" t="s">
        <v>196</v>
      </c>
      <c r="I97" s="8">
        <v>43740</v>
      </c>
    </row>
    <row r="98" spans="1:9" ht="24" x14ac:dyDescent="0.2">
      <c r="A98" s="4">
        <v>43556</v>
      </c>
      <c r="B98" s="5" t="s">
        <v>9</v>
      </c>
      <c r="C98" s="5" t="s">
        <v>305</v>
      </c>
      <c r="D98" s="6" t="s">
        <v>308</v>
      </c>
      <c r="E98" s="5" t="s">
        <v>307</v>
      </c>
      <c r="F98" s="7">
        <v>15000</v>
      </c>
      <c r="G98" s="5" t="s">
        <v>309</v>
      </c>
      <c r="H98" s="6" t="s">
        <v>310</v>
      </c>
      <c r="I98" s="8">
        <v>43740</v>
      </c>
    </row>
    <row r="99" spans="1:9" ht="24" x14ac:dyDescent="0.2">
      <c r="A99" s="4">
        <v>43556</v>
      </c>
      <c r="B99" s="5" t="s">
        <v>9</v>
      </c>
      <c r="C99" s="5" t="s">
        <v>305</v>
      </c>
      <c r="D99" s="6" t="s">
        <v>311</v>
      </c>
      <c r="E99" s="5" t="s">
        <v>312</v>
      </c>
      <c r="F99" s="7">
        <v>207900</v>
      </c>
      <c r="G99" s="5" t="s">
        <v>313</v>
      </c>
      <c r="H99" s="6" t="s">
        <v>314</v>
      </c>
      <c r="I99" s="8">
        <v>43741</v>
      </c>
    </row>
    <row r="100" spans="1:9" ht="24" x14ac:dyDescent="0.2">
      <c r="A100" s="4">
        <v>43556</v>
      </c>
      <c r="B100" s="5" t="s">
        <v>9</v>
      </c>
      <c r="C100" s="5" t="s">
        <v>305</v>
      </c>
      <c r="D100" s="6" t="s">
        <v>315</v>
      </c>
      <c r="E100" s="5" t="s">
        <v>316</v>
      </c>
      <c r="F100" s="7">
        <v>26400</v>
      </c>
      <c r="G100" s="5" t="s">
        <v>317</v>
      </c>
      <c r="H100" s="6" t="s">
        <v>179</v>
      </c>
      <c r="I100" s="8">
        <v>43742</v>
      </c>
    </row>
    <row r="101" spans="1:9" ht="24" x14ac:dyDescent="0.2">
      <c r="A101" s="4">
        <v>43556</v>
      </c>
      <c r="B101" s="5" t="s">
        <v>9</v>
      </c>
      <c r="C101" s="5" t="s">
        <v>305</v>
      </c>
      <c r="D101" s="6" t="s">
        <v>318</v>
      </c>
      <c r="E101" s="5" t="s">
        <v>319</v>
      </c>
      <c r="F101" s="7">
        <v>138006</v>
      </c>
      <c r="G101" s="5" t="s">
        <v>313</v>
      </c>
      <c r="H101" s="6" t="s">
        <v>314</v>
      </c>
      <c r="I101" s="8">
        <v>43746</v>
      </c>
    </row>
    <row r="102" spans="1:9" x14ac:dyDescent="0.2">
      <c r="A102" s="4">
        <v>43556</v>
      </c>
      <c r="B102" s="5" t="s">
        <v>9</v>
      </c>
      <c r="C102" s="5" t="s">
        <v>305</v>
      </c>
      <c r="D102" s="6" t="s">
        <v>320</v>
      </c>
      <c r="E102" s="5" t="s">
        <v>321</v>
      </c>
      <c r="F102" s="7">
        <v>18412</v>
      </c>
      <c r="G102" s="5" t="s">
        <v>322</v>
      </c>
      <c r="H102" s="6" t="s">
        <v>323</v>
      </c>
      <c r="I102" s="8">
        <v>43747</v>
      </c>
    </row>
    <row r="103" spans="1:9" x14ac:dyDescent="0.2">
      <c r="A103" s="4">
        <v>43556</v>
      </c>
      <c r="B103" s="5" t="s">
        <v>9</v>
      </c>
      <c r="C103" s="5" t="s">
        <v>305</v>
      </c>
      <c r="D103" s="6" t="s">
        <v>324</v>
      </c>
      <c r="E103" s="5" t="s">
        <v>325</v>
      </c>
      <c r="F103" s="7">
        <v>50188</v>
      </c>
      <c r="G103" s="5" t="s">
        <v>322</v>
      </c>
      <c r="H103" s="6" t="s">
        <v>323</v>
      </c>
      <c r="I103" s="8">
        <v>43747</v>
      </c>
    </row>
    <row r="104" spans="1:9" ht="24" x14ac:dyDescent="0.2">
      <c r="A104" s="4">
        <v>43556</v>
      </c>
      <c r="B104" s="5" t="s">
        <v>9</v>
      </c>
      <c r="C104" s="5" t="s">
        <v>305</v>
      </c>
      <c r="D104" s="6" t="s">
        <v>326</v>
      </c>
      <c r="E104" s="5" t="s">
        <v>327</v>
      </c>
      <c r="F104" s="7">
        <v>33440</v>
      </c>
      <c r="G104" s="5" t="s">
        <v>256</v>
      </c>
      <c r="H104" s="6" t="s">
        <v>257</v>
      </c>
      <c r="I104" s="8">
        <v>43753</v>
      </c>
    </row>
    <row r="105" spans="1:9" ht="24" x14ac:dyDescent="0.2">
      <c r="A105" s="4">
        <v>43556</v>
      </c>
      <c r="B105" s="5" t="s">
        <v>9</v>
      </c>
      <c r="C105" s="5" t="s">
        <v>305</v>
      </c>
      <c r="D105" s="6" t="s">
        <v>328</v>
      </c>
      <c r="E105" s="5" t="s">
        <v>329</v>
      </c>
      <c r="F105" s="7">
        <v>4400</v>
      </c>
      <c r="G105" s="5" t="s">
        <v>330</v>
      </c>
      <c r="H105" s="6" t="s">
        <v>331</v>
      </c>
      <c r="I105" s="8">
        <v>43753</v>
      </c>
    </row>
    <row r="106" spans="1:9" ht="24" x14ac:dyDescent="0.2">
      <c r="A106" s="4">
        <v>43556</v>
      </c>
      <c r="B106" s="5" t="s">
        <v>9</v>
      </c>
      <c r="C106" s="5" t="s">
        <v>305</v>
      </c>
      <c r="D106" s="6" t="s">
        <v>332</v>
      </c>
      <c r="E106" s="5" t="s">
        <v>333</v>
      </c>
      <c r="F106" s="7">
        <v>91696</v>
      </c>
      <c r="G106" s="5" t="s">
        <v>256</v>
      </c>
      <c r="H106" s="6" t="s">
        <v>257</v>
      </c>
      <c r="I106" s="8">
        <v>43754</v>
      </c>
    </row>
    <row r="107" spans="1:9" ht="24" x14ac:dyDescent="0.2">
      <c r="A107" s="4">
        <v>43556</v>
      </c>
      <c r="B107" s="5" t="s">
        <v>9</v>
      </c>
      <c r="C107" s="5" t="s">
        <v>305</v>
      </c>
      <c r="D107" s="6" t="s">
        <v>334</v>
      </c>
      <c r="E107" s="5" t="s">
        <v>329</v>
      </c>
      <c r="F107" s="7">
        <v>7216</v>
      </c>
      <c r="G107" s="5" t="s">
        <v>335</v>
      </c>
      <c r="H107" s="6" t="s">
        <v>336</v>
      </c>
      <c r="I107" s="8">
        <v>43754</v>
      </c>
    </row>
    <row r="108" spans="1:9" x14ac:dyDescent="0.2">
      <c r="A108" s="4">
        <v>43556</v>
      </c>
      <c r="B108" s="5" t="s">
        <v>9</v>
      </c>
      <c r="C108" s="5" t="s">
        <v>305</v>
      </c>
      <c r="D108" s="6" t="s">
        <v>337</v>
      </c>
      <c r="E108" s="5" t="s">
        <v>338</v>
      </c>
      <c r="F108" s="7">
        <v>290675</v>
      </c>
      <c r="G108" s="5" t="s">
        <v>322</v>
      </c>
      <c r="H108" s="6" t="s">
        <v>323</v>
      </c>
      <c r="I108" s="8">
        <v>43756</v>
      </c>
    </row>
    <row r="109" spans="1:9" ht="24" x14ac:dyDescent="0.2">
      <c r="A109" s="4">
        <v>43556</v>
      </c>
      <c r="B109" s="5" t="s">
        <v>9</v>
      </c>
      <c r="C109" s="5" t="s">
        <v>305</v>
      </c>
      <c r="D109" s="6" t="s">
        <v>339</v>
      </c>
      <c r="E109" s="5" t="s">
        <v>340</v>
      </c>
      <c r="F109" s="7">
        <v>22616000</v>
      </c>
      <c r="G109" s="5" t="s">
        <v>341</v>
      </c>
      <c r="H109" s="6" t="s">
        <v>342</v>
      </c>
      <c r="I109" s="8">
        <v>43762</v>
      </c>
    </row>
    <row r="110" spans="1:9" ht="24" x14ac:dyDescent="0.2">
      <c r="A110" s="4">
        <v>43556</v>
      </c>
      <c r="B110" s="5" t="s">
        <v>9</v>
      </c>
      <c r="C110" s="5" t="s">
        <v>305</v>
      </c>
      <c r="D110" s="6" t="s">
        <v>343</v>
      </c>
      <c r="E110" s="5" t="s">
        <v>344</v>
      </c>
      <c r="F110" s="7">
        <v>63536</v>
      </c>
      <c r="G110" s="5" t="s">
        <v>345</v>
      </c>
      <c r="H110" s="6" t="s">
        <v>346</v>
      </c>
      <c r="I110" s="8">
        <v>43770</v>
      </c>
    </row>
    <row r="111" spans="1:9" ht="24" x14ac:dyDescent="0.2">
      <c r="A111" s="4">
        <v>43556</v>
      </c>
      <c r="B111" s="5" t="s">
        <v>9</v>
      </c>
      <c r="C111" s="5" t="s">
        <v>305</v>
      </c>
      <c r="D111" s="6" t="s">
        <v>347</v>
      </c>
      <c r="E111" s="5" t="s">
        <v>348</v>
      </c>
      <c r="F111" s="7">
        <v>57750</v>
      </c>
      <c r="G111" s="5" t="s">
        <v>349</v>
      </c>
      <c r="H111" s="6" t="s">
        <v>350</v>
      </c>
      <c r="I111" s="8">
        <v>43777</v>
      </c>
    </row>
    <row r="112" spans="1:9" ht="24" x14ac:dyDescent="0.2">
      <c r="A112" s="4">
        <v>43556</v>
      </c>
      <c r="B112" s="5" t="s">
        <v>9</v>
      </c>
      <c r="C112" s="5" t="s">
        <v>305</v>
      </c>
      <c r="D112" s="6" t="s">
        <v>351</v>
      </c>
      <c r="E112" s="5" t="s">
        <v>352</v>
      </c>
      <c r="F112" s="7">
        <v>10000</v>
      </c>
      <c r="G112" s="5" t="s">
        <v>353</v>
      </c>
      <c r="H112" s="6" t="s">
        <v>179</v>
      </c>
      <c r="I112" s="8">
        <v>43777</v>
      </c>
    </row>
    <row r="113" spans="1:9" x14ac:dyDescent="0.2">
      <c r="A113" s="4">
        <v>43556</v>
      </c>
      <c r="B113" s="5" t="s">
        <v>9</v>
      </c>
      <c r="C113" s="5" t="s">
        <v>305</v>
      </c>
      <c r="D113" s="6" t="s">
        <v>354</v>
      </c>
      <c r="E113" s="5" t="s">
        <v>355</v>
      </c>
      <c r="F113" s="7">
        <v>28926</v>
      </c>
      <c r="G113" s="5" t="s">
        <v>322</v>
      </c>
      <c r="H113" s="6" t="s">
        <v>323</v>
      </c>
      <c r="I113" s="8">
        <v>43783</v>
      </c>
    </row>
    <row r="114" spans="1:9" ht="24" x14ac:dyDescent="0.2">
      <c r="A114" s="4">
        <v>43556</v>
      </c>
      <c r="B114" s="5" t="s">
        <v>9</v>
      </c>
      <c r="C114" s="5" t="s">
        <v>305</v>
      </c>
      <c r="D114" s="6" t="s">
        <v>356</v>
      </c>
      <c r="E114" s="5" t="s">
        <v>357</v>
      </c>
      <c r="F114" s="7">
        <v>6765</v>
      </c>
      <c r="G114" s="5" t="s">
        <v>313</v>
      </c>
      <c r="H114" s="6" t="s">
        <v>314</v>
      </c>
      <c r="I114" s="8">
        <v>43783</v>
      </c>
    </row>
    <row r="115" spans="1:9" ht="24" x14ac:dyDescent="0.2">
      <c r="A115" s="4">
        <v>43556</v>
      </c>
      <c r="B115" s="5" t="s">
        <v>9</v>
      </c>
      <c r="C115" s="5" t="s">
        <v>305</v>
      </c>
      <c r="D115" s="6" t="s">
        <v>358</v>
      </c>
      <c r="E115" s="5" t="s">
        <v>359</v>
      </c>
      <c r="F115" s="7">
        <v>4400</v>
      </c>
      <c r="G115" s="5" t="s">
        <v>330</v>
      </c>
      <c r="H115" s="6" t="s">
        <v>331</v>
      </c>
      <c r="I115" s="8">
        <v>43787</v>
      </c>
    </row>
    <row r="116" spans="1:9" ht="24" x14ac:dyDescent="0.2">
      <c r="A116" s="4">
        <v>43556</v>
      </c>
      <c r="B116" s="5" t="s">
        <v>9</v>
      </c>
      <c r="C116" s="5" t="s">
        <v>305</v>
      </c>
      <c r="D116" s="6" t="s">
        <v>360</v>
      </c>
      <c r="E116" s="5" t="s">
        <v>361</v>
      </c>
      <c r="F116" s="7">
        <v>43466</v>
      </c>
      <c r="G116" s="5" t="s">
        <v>201</v>
      </c>
      <c r="H116" s="6" t="s">
        <v>202</v>
      </c>
      <c r="I116" s="8">
        <v>43787</v>
      </c>
    </row>
    <row r="117" spans="1:9" ht="24" x14ac:dyDescent="0.2">
      <c r="A117" s="4">
        <v>43556</v>
      </c>
      <c r="B117" s="5" t="s">
        <v>9</v>
      </c>
      <c r="C117" s="5" t="s">
        <v>305</v>
      </c>
      <c r="D117" s="6" t="s">
        <v>362</v>
      </c>
      <c r="E117" s="5" t="s">
        <v>363</v>
      </c>
      <c r="F117" s="7">
        <v>72380</v>
      </c>
      <c r="G117" s="5" t="s">
        <v>256</v>
      </c>
      <c r="H117" s="6" t="s">
        <v>257</v>
      </c>
      <c r="I117" s="8">
        <v>43789</v>
      </c>
    </row>
    <row r="118" spans="1:9" ht="24" x14ac:dyDescent="0.2">
      <c r="A118" s="4">
        <v>43556</v>
      </c>
      <c r="B118" s="5" t="s">
        <v>9</v>
      </c>
      <c r="C118" s="5" t="s">
        <v>305</v>
      </c>
      <c r="D118" s="6" t="s">
        <v>364</v>
      </c>
      <c r="E118" s="5" t="s">
        <v>365</v>
      </c>
      <c r="F118" s="7">
        <v>48163</v>
      </c>
      <c r="G118" s="5" t="s">
        <v>313</v>
      </c>
      <c r="H118" s="6" t="s">
        <v>314</v>
      </c>
      <c r="I118" s="8">
        <v>43789</v>
      </c>
    </row>
    <row r="119" spans="1:9" ht="24" x14ac:dyDescent="0.2">
      <c r="A119" s="4">
        <v>43556</v>
      </c>
      <c r="B119" s="5" t="s">
        <v>9</v>
      </c>
      <c r="C119" s="5" t="s">
        <v>305</v>
      </c>
      <c r="D119" s="6" t="s">
        <v>366</v>
      </c>
      <c r="E119" s="5" t="s">
        <v>367</v>
      </c>
      <c r="F119" s="7">
        <v>116996</v>
      </c>
      <c r="G119" s="5" t="s">
        <v>195</v>
      </c>
      <c r="H119" s="6" t="s">
        <v>196</v>
      </c>
      <c r="I119" s="8">
        <v>43791</v>
      </c>
    </row>
    <row r="120" spans="1:9" ht="24" x14ac:dyDescent="0.2">
      <c r="A120" s="4">
        <v>43556</v>
      </c>
      <c r="B120" s="5" t="s">
        <v>9</v>
      </c>
      <c r="C120" s="5" t="s">
        <v>305</v>
      </c>
      <c r="D120" s="6" t="s">
        <v>368</v>
      </c>
      <c r="E120" s="5" t="s">
        <v>369</v>
      </c>
      <c r="F120" s="7">
        <v>20543</v>
      </c>
      <c r="G120" s="5" t="s">
        <v>322</v>
      </c>
      <c r="H120" s="6" t="s">
        <v>323</v>
      </c>
      <c r="I120" s="8">
        <v>43796</v>
      </c>
    </row>
    <row r="121" spans="1:9" ht="24" x14ac:dyDescent="0.2">
      <c r="A121" s="4">
        <v>43556</v>
      </c>
      <c r="B121" s="5" t="s">
        <v>9</v>
      </c>
      <c r="C121" s="5" t="s">
        <v>305</v>
      </c>
      <c r="D121" s="6" t="s">
        <v>370</v>
      </c>
      <c r="E121" s="5" t="s">
        <v>371</v>
      </c>
      <c r="F121" s="7">
        <v>18150</v>
      </c>
      <c r="G121" s="5" t="s">
        <v>313</v>
      </c>
      <c r="H121" s="6" t="s">
        <v>314</v>
      </c>
      <c r="I121" s="8">
        <v>43796</v>
      </c>
    </row>
    <row r="122" spans="1:9" ht="24" x14ac:dyDescent="0.2">
      <c r="A122" s="4">
        <v>43556</v>
      </c>
      <c r="B122" s="5" t="s">
        <v>9</v>
      </c>
      <c r="C122" s="5" t="s">
        <v>305</v>
      </c>
      <c r="D122" s="6" t="s">
        <v>372</v>
      </c>
      <c r="E122" s="5" t="s">
        <v>373</v>
      </c>
      <c r="F122" s="7">
        <v>63800</v>
      </c>
      <c r="G122" s="5" t="s">
        <v>195</v>
      </c>
      <c r="H122" s="6" t="s">
        <v>196</v>
      </c>
      <c r="I122" s="8">
        <v>43803</v>
      </c>
    </row>
    <row r="123" spans="1:9" ht="24" x14ac:dyDescent="0.2">
      <c r="A123" s="4">
        <v>43556</v>
      </c>
      <c r="B123" s="5" t="s">
        <v>9</v>
      </c>
      <c r="C123" s="5" t="s">
        <v>305</v>
      </c>
      <c r="D123" s="6" t="s">
        <v>374</v>
      </c>
      <c r="E123" s="5" t="s">
        <v>375</v>
      </c>
      <c r="F123" s="7">
        <v>175560</v>
      </c>
      <c r="G123" s="5" t="s">
        <v>349</v>
      </c>
      <c r="H123" s="6" t="s">
        <v>350</v>
      </c>
      <c r="I123" s="8">
        <v>43805</v>
      </c>
    </row>
    <row r="124" spans="1:9" ht="24" x14ac:dyDescent="0.2">
      <c r="A124" s="4">
        <v>43556</v>
      </c>
      <c r="B124" s="5" t="s">
        <v>9</v>
      </c>
      <c r="C124" s="5" t="s">
        <v>305</v>
      </c>
      <c r="D124" s="6" t="s">
        <v>376</v>
      </c>
      <c r="E124" s="5" t="s">
        <v>377</v>
      </c>
      <c r="F124" s="7">
        <v>82060</v>
      </c>
      <c r="G124" s="5" t="s">
        <v>378</v>
      </c>
      <c r="H124" s="6" t="s">
        <v>379</v>
      </c>
      <c r="I124" s="8">
        <v>43810</v>
      </c>
    </row>
    <row r="125" spans="1:9" ht="24" x14ac:dyDescent="0.2">
      <c r="A125" s="4">
        <v>43556</v>
      </c>
      <c r="B125" s="5" t="s">
        <v>9</v>
      </c>
      <c r="C125" s="5" t="s">
        <v>305</v>
      </c>
      <c r="D125" s="6" t="s">
        <v>380</v>
      </c>
      <c r="E125" s="5" t="s">
        <v>381</v>
      </c>
      <c r="F125" s="7">
        <v>8140</v>
      </c>
      <c r="G125" s="5" t="s">
        <v>313</v>
      </c>
      <c r="H125" s="6" t="s">
        <v>314</v>
      </c>
      <c r="I125" s="8">
        <v>43810</v>
      </c>
    </row>
    <row r="126" spans="1:9" ht="24" x14ac:dyDescent="0.2">
      <c r="A126" s="4">
        <v>43556</v>
      </c>
      <c r="B126" s="5" t="s">
        <v>9</v>
      </c>
      <c r="C126" s="5" t="s">
        <v>305</v>
      </c>
      <c r="D126" s="6" t="s">
        <v>382</v>
      </c>
      <c r="E126" s="5" t="s">
        <v>383</v>
      </c>
      <c r="F126" s="7">
        <v>724900</v>
      </c>
      <c r="G126" s="5" t="s">
        <v>349</v>
      </c>
      <c r="H126" s="6" t="s">
        <v>350</v>
      </c>
      <c r="I126" s="8">
        <v>43816</v>
      </c>
    </row>
    <row r="127" spans="1:9" ht="24" x14ac:dyDescent="0.2">
      <c r="A127" s="4">
        <v>43556</v>
      </c>
      <c r="B127" s="5" t="s">
        <v>9</v>
      </c>
      <c r="C127" s="5" t="s">
        <v>305</v>
      </c>
      <c r="D127" s="6" t="s">
        <v>384</v>
      </c>
      <c r="E127" s="5" t="s">
        <v>357</v>
      </c>
      <c r="F127" s="7">
        <v>34980</v>
      </c>
      <c r="G127" s="5" t="s">
        <v>313</v>
      </c>
      <c r="H127" s="6" t="s">
        <v>314</v>
      </c>
      <c r="I127" s="8">
        <v>43817</v>
      </c>
    </row>
    <row r="128" spans="1:9" ht="24" x14ac:dyDescent="0.2">
      <c r="A128" s="4">
        <v>43556</v>
      </c>
      <c r="B128" s="5" t="s">
        <v>9</v>
      </c>
      <c r="C128" s="5" t="s">
        <v>305</v>
      </c>
      <c r="D128" s="6" t="s">
        <v>385</v>
      </c>
      <c r="E128" s="5" t="s">
        <v>386</v>
      </c>
      <c r="F128" s="7">
        <v>69931</v>
      </c>
      <c r="G128" s="5" t="s">
        <v>195</v>
      </c>
      <c r="H128" s="6" t="s">
        <v>196</v>
      </c>
      <c r="I128" s="8">
        <v>43819</v>
      </c>
    </row>
    <row r="129" spans="1:9" ht="24" x14ac:dyDescent="0.2">
      <c r="A129" s="4">
        <v>43556</v>
      </c>
      <c r="B129" s="5" t="s">
        <v>9</v>
      </c>
      <c r="C129" s="5" t="s">
        <v>305</v>
      </c>
      <c r="D129" s="6" t="s">
        <v>387</v>
      </c>
      <c r="E129" s="5" t="s">
        <v>388</v>
      </c>
      <c r="F129" s="7">
        <v>140250</v>
      </c>
      <c r="G129" s="5" t="s">
        <v>349</v>
      </c>
      <c r="H129" s="6" t="s">
        <v>350</v>
      </c>
      <c r="I129" s="8">
        <v>43819</v>
      </c>
    </row>
    <row r="130" spans="1:9" ht="24" x14ac:dyDescent="0.2">
      <c r="A130" s="4">
        <v>43556</v>
      </c>
      <c r="B130" s="5" t="s">
        <v>9</v>
      </c>
      <c r="C130" s="5" t="s">
        <v>305</v>
      </c>
      <c r="D130" s="6" t="s">
        <v>389</v>
      </c>
      <c r="E130" s="5" t="s">
        <v>363</v>
      </c>
      <c r="F130" s="7">
        <v>71148</v>
      </c>
      <c r="G130" s="5" t="s">
        <v>309</v>
      </c>
      <c r="H130" s="6" t="s">
        <v>310</v>
      </c>
      <c r="I130" s="8">
        <v>43823</v>
      </c>
    </row>
    <row r="131" spans="1:9" x14ac:dyDescent="0.2">
      <c r="A131" s="4">
        <v>43556</v>
      </c>
      <c r="B131" s="5" t="s">
        <v>9</v>
      </c>
      <c r="C131" s="5" t="s">
        <v>305</v>
      </c>
      <c r="D131" s="6" t="s">
        <v>390</v>
      </c>
      <c r="E131" s="5" t="s">
        <v>361</v>
      </c>
      <c r="F131" s="7">
        <v>189200</v>
      </c>
      <c r="G131" s="5" t="s">
        <v>322</v>
      </c>
      <c r="H131" s="6" t="s">
        <v>323</v>
      </c>
      <c r="I131" s="8">
        <v>43824</v>
      </c>
    </row>
    <row r="132" spans="1:9" ht="24" x14ac:dyDescent="0.2">
      <c r="A132" s="4">
        <v>43556</v>
      </c>
      <c r="B132" s="5" t="s">
        <v>9</v>
      </c>
      <c r="C132" s="5" t="s">
        <v>305</v>
      </c>
      <c r="D132" s="6" t="s">
        <v>391</v>
      </c>
      <c r="E132" s="5" t="s">
        <v>361</v>
      </c>
      <c r="F132" s="7">
        <v>34151</v>
      </c>
      <c r="G132" s="5" t="s">
        <v>201</v>
      </c>
      <c r="H132" s="6" t="s">
        <v>202</v>
      </c>
      <c r="I132" s="8">
        <v>43824</v>
      </c>
    </row>
    <row r="133" spans="1:9" ht="24" x14ac:dyDescent="0.2">
      <c r="A133" s="4">
        <v>43556</v>
      </c>
      <c r="B133" s="5" t="s">
        <v>9</v>
      </c>
      <c r="C133" s="5" t="s">
        <v>305</v>
      </c>
      <c r="D133" s="6" t="s">
        <v>392</v>
      </c>
      <c r="E133" s="5" t="s">
        <v>393</v>
      </c>
      <c r="F133" s="7">
        <v>184899</v>
      </c>
      <c r="G133" s="5" t="s">
        <v>13</v>
      </c>
      <c r="H133" s="6" t="s">
        <v>14</v>
      </c>
      <c r="I133" s="8">
        <v>43824</v>
      </c>
    </row>
    <row r="134" spans="1:9" ht="24" x14ac:dyDescent="0.2">
      <c r="A134" s="4">
        <v>43556</v>
      </c>
      <c r="B134" s="5" t="s">
        <v>9</v>
      </c>
      <c r="C134" s="5" t="s">
        <v>305</v>
      </c>
      <c r="D134" s="6" t="s">
        <v>394</v>
      </c>
      <c r="E134" s="5" t="s">
        <v>395</v>
      </c>
      <c r="F134" s="7">
        <v>140470</v>
      </c>
      <c r="G134" s="5" t="s">
        <v>396</v>
      </c>
      <c r="H134" s="6" t="s">
        <v>397</v>
      </c>
      <c r="I134" s="8">
        <v>43824</v>
      </c>
    </row>
    <row r="135" spans="1:9" ht="24" x14ac:dyDescent="0.2">
      <c r="A135" s="4">
        <v>43556</v>
      </c>
      <c r="B135" s="5" t="s">
        <v>9</v>
      </c>
      <c r="C135" s="5" t="s">
        <v>305</v>
      </c>
      <c r="D135" s="6" t="s">
        <v>398</v>
      </c>
      <c r="E135" s="5" t="s">
        <v>399</v>
      </c>
      <c r="F135" s="7">
        <v>89430</v>
      </c>
      <c r="G135" s="5" t="s">
        <v>349</v>
      </c>
      <c r="H135" s="6" t="s">
        <v>350</v>
      </c>
      <c r="I135" s="8">
        <v>43824</v>
      </c>
    </row>
    <row r="136" spans="1:9" ht="24" x14ac:dyDescent="0.2">
      <c r="A136" s="4">
        <v>43556</v>
      </c>
      <c r="B136" s="5" t="s">
        <v>9</v>
      </c>
      <c r="C136" s="5" t="s">
        <v>305</v>
      </c>
      <c r="D136" s="6" t="s">
        <v>400</v>
      </c>
      <c r="E136" s="5" t="s">
        <v>401</v>
      </c>
      <c r="F136" s="7">
        <v>45430</v>
      </c>
      <c r="G136" s="5" t="s">
        <v>313</v>
      </c>
      <c r="H136" s="6" t="s">
        <v>314</v>
      </c>
      <c r="I136" s="8">
        <v>43824</v>
      </c>
    </row>
    <row r="137" spans="1:9" ht="24" x14ac:dyDescent="0.2">
      <c r="A137" s="4">
        <v>43556</v>
      </c>
      <c r="B137" s="5" t="s">
        <v>9</v>
      </c>
      <c r="C137" s="5" t="s">
        <v>305</v>
      </c>
      <c r="D137" s="6" t="s">
        <v>402</v>
      </c>
      <c r="E137" s="5" t="s">
        <v>403</v>
      </c>
      <c r="F137" s="7">
        <v>25971</v>
      </c>
      <c r="G137" s="5" t="s">
        <v>195</v>
      </c>
      <c r="H137" s="6" t="s">
        <v>196</v>
      </c>
      <c r="I137" s="8">
        <v>43826</v>
      </c>
    </row>
    <row r="138" spans="1:9" ht="24" x14ac:dyDescent="0.2">
      <c r="A138" s="4">
        <v>43556</v>
      </c>
      <c r="B138" s="5" t="s">
        <v>9</v>
      </c>
      <c r="C138" s="5" t="s">
        <v>305</v>
      </c>
      <c r="D138" s="6" t="s">
        <v>404</v>
      </c>
      <c r="E138" s="5" t="s">
        <v>405</v>
      </c>
      <c r="F138" s="7">
        <v>35970</v>
      </c>
      <c r="G138" s="5" t="s">
        <v>256</v>
      </c>
      <c r="H138" s="6" t="s">
        <v>257</v>
      </c>
      <c r="I138" s="8">
        <v>43826</v>
      </c>
    </row>
    <row r="139" spans="1:9" ht="24" x14ac:dyDescent="0.2">
      <c r="A139" s="4">
        <v>43556</v>
      </c>
      <c r="B139" s="5" t="s">
        <v>9</v>
      </c>
      <c r="C139" s="5" t="s">
        <v>406</v>
      </c>
      <c r="D139" s="6" t="s">
        <v>407</v>
      </c>
      <c r="E139" s="5" t="s">
        <v>408</v>
      </c>
      <c r="F139" s="7">
        <v>18014</v>
      </c>
      <c r="G139" s="5" t="s">
        <v>409</v>
      </c>
      <c r="H139" s="6" t="s">
        <v>179</v>
      </c>
      <c r="I139" s="8">
        <v>43747</v>
      </c>
    </row>
    <row r="140" spans="1:9" ht="24" x14ac:dyDescent="0.2">
      <c r="A140" s="4">
        <v>43556</v>
      </c>
      <c r="B140" s="5" t="s">
        <v>9</v>
      </c>
      <c r="C140" s="5" t="s">
        <v>406</v>
      </c>
      <c r="D140" s="6" t="s">
        <v>410</v>
      </c>
      <c r="E140" s="5" t="s">
        <v>411</v>
      </c>
      <c r="F140" s="7">
        <v>195236</v>
      </c>
      <c r="G140" s="5" t="s">
        <v>412</v>
      </c>
      <c r="H140" s="6" t="s">
        <v>413</v>
      </c>
      <c r="I140" s="8">
        <v>43747</v>
      </c>
    </row>
    <row r="141" spans="1:9" ht="24" x14ac:dyDescent="0.2">
      <c r="A141" s="4">
        <v>43556</v>
      </c>
      <c r="B141" s="5" t="s">
        <v>9</v>
      </c>
      <c r="C141" s="5" t="s">
        <v>406</v>
      </c>
      <c r="D141" s="6" t="s">
        <v>414</v>
      </c>
      <c r="E141" s="5" t="s">
        <v>415</v>
      </c>
      <c r="F141" s="7">
        <v>5400</v>
      </c>
      <c r="G141" s="5" t="s">
        <v>416</v>
      </c>
      <c r="H141" s="6" t="s">
        <v>417</v>
      </c>
      <c r="I141" s="8">
        <v>43749</v>
      </c>
    </row>
    <row r="142" spans="1:9" ht="24" x14ac:dyDescent="0.2">
      <c r="A142" s="4">
        <v>43556</v>
      </c>
      <c r="B142" s="5" t="s">
        <v>9</v>
      </c>
      <c r="C142" s="5" t="s">
        <v>406</v>
      </c>
      <c r="D142" s="6" t="s">
        <v>418</v>
      </c>
      <c r="E142" s="5" t="s">
        <v>419</v>
      </c>
      <c r="F142" s="7">
        <v>9625</v>
      </c>
      <c r="G142" s="5" t="s">
        <v>420</v>
      </c>
      <c r="H142" s="6" t="s">
        <v>421</v>
      </c>
      <c r="I142" s="8">
        <v>43749</v>
      </c>
    </row>
    <row r="143" spans="1:9" ht="24" x14ac:dyDescent="0.2">
      <c r="A143" s="4">
        <v>43556</v>
      </c>
      <c r="B143" s="5" t="s">
        <v>9</v>
      </c>
      <c r="C143" s="5" t="s">
        <v>406</v>
      </c>
      <c r="D143" s="6" t="s">
        <v>422</v>
      </c>
      <c r="E143" s="5" t="s">
        <v>423</v>
      </c>
      <c r="F143" s="7">
        <v>33835</v>
      </c>
      <c r="G143" s="5" t="s">
        <v>424</v>
      </c>
      <c r="H143" s="6" t="s">
        <v>425</v>
      </c>
      <c r="I143" s="8">
        <v>43749</v>
      </c>
    </row>
    <row r="144" spans="1:9" ht="24" x14ac:dyDescent="0.2">
      <c r="A144" s="4">
        <v>43556</v>
      </c>
      <c r="B144" s="5" t="s">
        <v>9</v>
      </c>
      <c r="C144" s="5" t="s">
        <v>406</v>
      </c>
      <c r="D144" s="6" t="s">
        <v>426</v>
      </c>
      <c r="E144" s="5" t="s">
        <v>427</v>
      </c>
      <c r="F144" s="7">
        <v>34295</v>
      </c>
      <c r="G144" s="5" t="s">
        <v>428</v>
      </c>
      <c r="H144" s="6" t="s">
        <v>429</v>
      </c>
      <c r="I144" s="8">
        <v>43754</v>
      </c>
    </row>
    <row r="145" spans="1:9" ht="24" x14ac:dyDescent="0.2">
      <c r="A145" s="4">
        <v>43556</v>
      </c>
      <c r="B145" s="5" t="s">
        <v>9</v>
      </c>
      <c r="C145" s="5" t="s">
        <v>406</v>
      </c>
      <c r="D145" s="6" t="s">
        <v>430</v>
      </c>
      <c r="E145" s="5" t="s">
        <v>431</v>
      </c>
      <c r="F145" s="7">
        <v>8360</v>
      </c>
      <c r="G145" s="5" t="s">
        <v>59</v>
      </c>
      <c r="H145" s="6" t="s">
        <v>60</v>
      </c>
      <c r="I145" s="8">
        <v>43761</v>
      </c>
    </row>
    <row r="146" spans="1:9" ht="24" x14ac:dyDescent="0.2">
      <c r="A146" s="4">
        <v>43556</v>
      </c>
      <c r="B146" s="5" t="s">
        <v>9</v>
      </c>
      <c r="C146" s="5" t="s">
        <v>406</v>
      </c>
      <c r="D146" s="6" t="s">
        <v>432</v>
      </c>
      <c r="E146" s="5" t="s">
        <v>433</v>
      </c>
      <c r="F146" s="7">
        <v>3850</v>
      </c>
      <c r="G146" s="5" t="s">
        <v>434</v>
      </c>
      <c r="H146" s="6" t="s">
        <v>435</v>
      </c>
      <c r="I146" s="8">
        <v>43763</v>
      </c>
    </row>
    <row r="147" spans="1:9" ht="24" x14ac:dyDescent="0.2">
      <c r="A147" s="4">
        <v>43556</v>
      </c>
      <c r="B147" s="5" t="s">
        <v>9</v>
      </c>
      <c r="C147" s="5" t="s">
        <v>406</v>
      </c>
      <c r="D147" s="6" t="s">
        <v>436</v>
      </c>
      <c r="E147" s="5" t="s">
        <v>437</v>
      </c>
      <c r="F147" s="7">
        <v>29700</v>
      </c>
      <c r="G147" s="5" t="s">
        <v>420</v>
      </c>
      <c r="H147" s="6" t="s">
        <v>421</v>
      </c>
      <c r="I147" s="8">
        <v>43768</v>
      </c>
    </row>
    <row r="148" spans="1:9" ht="24" x14ac:dyDescent="0.2">
      <c r="A148" s="4">
        <v>43556</v>
      </c>
      <c r="B148" s="5" t="s">
        <v>9</v>
      </c>
      <c r="C148" s="5" t="s">
        <v>406</v>
      </c>
      <c r="D148" s="6" t="s">
        <v>438</v>
      </c>
      <c r="E148" s="5" t="s">
        <v>439</v>
      </c>
      <c r="F148" s="7">
        <v>23936</v>
      </c>
      <c r="G148" s="5" t="s">
        <v>303</v>
      </c>
      <c r="H148" s="6" t="s">
        <v>304</v>
      </c>
      <c r="I148" s="8">
        <v>43776</v>
      </c>
    </row>
    <row r="149" spans="1:9" ht="24" x14ac:dyDescent="0.2">
      <c r="A149" s="4">
        <v>43556</v>
      </c>
      <c r="B149" s="5" t="s">
        <v>9</v>
      </c>
      <c r="C149" s="5" t="s">
        <v>406</v>
      </c>
      <c r="D149" s="6" t="s">
        <v>440</v>
      </c>
      <c r="E149" s="5" t="s">
        <v>441</v>
      </c>
      <c r="F149" s="7">
        <v>153175</v>
      </c>
      <c r="G149" s="5" t="s">
        <v>442</v>
      </c>
      <c r="H149" s="6" t="s">
        <v>443</v>
      </c>
      <c r="I149" s="8">
        <v>43777</v>
      </c>
    </row>
    <row r="150" spans="1:9" ht="24" x14ac:dyDescent="0.2">
      <c r="A150" s="4">
        <v>43556</v>
      </c>
      <c r="B150" s="5" t="s">
        <v>9</v>
      </c>
      <c r="C150" s="5" t="s">
        <v>406</v>
      </c>
      <c r="D150" s="6" t="s">
        <v>444</v>
      </c>
      <c r="E150" s="5" t="s">
        <v>445</v>
      </c>
      <c r="F150" s="7">
        <v>1425</v>
      </c>
      <c r="G150" s="5" t="s">
        <v>446</v>
      </c>
      <c r="H150" s="6" t="s">
        <v>447</v>
      </c>
      <c r="I150" s="8">
        <v>43791</v>
      </c>
    </row>
    <row r="151" spans="1:9" ht="24" x14ac:dyDescent="0.2">
      <c r="A151" s="4">
        <v>43556</v>
      </c>
      <c r="B151" s="5" t="s">
        <v>9</v>
      </c>
      <c r="C151" s="5" t="s">
        <v>406</v>
      </c>
      <c r="D151" s="6" t="s">
        <v>448</v>
      </c>
      <c r="E151" s="5" t="s">
        <v>449</v>
      </c>
      <c r="F151" s="7">
        <v>15741</v>
      </c>
      <c r="G151" s="5" t="s">
        <v>450</v>
      </c>
      <c r="H151" s="6" t="s">
        <v>451</v>
      </c>
      <c r="I151" s="8">
        <v>43791</v>
      </c>
    </row>
    <row r="152" spans="1:9" ht="24" x14ac:dyDescent="0.2">
      <c r="A152" s="4">
        <v>43556</v>
      </c>
      <c r="B152" s="5" t="s">
        <v>9</v>
      </c>
      <c r="C152" s="5" t="s">
        <v>406</v>
      </c>
      <c r="D152" s="6" t="s">
        <v>452</v>
      </c>
      <c r="E152" s="5" t="s">
        <v>453</v>
      </c>
      <c r="F152" s="7">
        <v>10100</v>
      </c>
      <c r="G152" s="5" t="s">
        <v>454</v>
      </c>
      <c r="H152" s="6" t="s">
        <v>455</v>
      </c>
      <c r="I152" s="8">
        <v>43795</v>
      </c>
    </row>
    <row r="153" spans="1:9" ht="24" x14ac:dyDescent="0.2">
      <c r="A153" s="4">
        <v>43556</v>
      </c>
      <c r="B153" s="5" t="s">
        <v>9</v>
      </c>
      <c r="C153" s="5" t="s">
        <v>406</v>
      </c>
      <c r="D153" s="6" t="s">
        <v>456</v>
      </c>
      <c r="E153" s="5" t="s">
        <v>457</v>
      </c>
      <c r="F153" s="7">
        <v>122100</v>
      </c>
      <c r="G153" s="5" t="s">
        <v>458</v>
      </c>
      <c r="H153" s="6" t="s">
        <v>459</v>
      </c>
      <c r="I153" s="8">
        <v>43798</v>
      </c>
    </row>
    <row r="154" spans="1:9" ht="24" x14ac:dyDescent="0.2">
      <c r="A154" s="4">
        <v>43556</v>
      </c>
      <c r="B154" s="5" t="s">
        <v>9</v>
      </c>
      <c r="C154" s="5" t="s">
        <v>406</v>
      </c>
      <c r="D154" s="6" t="s">
        <v>460</v>
      </c>
      <c r="E154" s="5" t="s">
        <v>461</v>
      </c>
      <c r="F154" s="7">
        <v>21657</v>
      </c>
      <c r="G154" s="5" t="s">
        <v>462</v>
      </c>
      <c r="H154" s="6" t="s">
        <v>463</v>
      </c>
      <c r="I154" s="8">
        <v>43823</v>
      </c>
    </row>
    <row r="155" spans="1:9" ht="24" x14ac:dyDescent="0.2">
      <c r="A155" s="4">
        <v>43556</v>
      </c>
      <c r="B155" s="5" t="s">
        <v>9</v>
      </c>
      <c r="C155" s="5" t="s">
        <v>406</v>
      </c>
      <c r="D155" s="6" t="s">
        <v>464</v>
      </c>
      <c r="E155" s="5" t="s">
        <v>461</v>
      </c>
      <c r="F155" s="7">
        <v>22026</v>
      </c>
      <c r="G155" s="5" t="s">
        <v>465</v>
      </c>
      <c r="H155" s="6" t="s">
        <v>466</v>
      </c>
      <c r="I155" s="8">
        <v>43823</v>
      </c>
    </row>
    <row r="156" spans="1:9" ht="24" x14ac:dyDescent="0.2">
      <c r="A156" s="4">
        <v>43556</v>
      </c>
      <c r="B156" s="5" t="s">
        <v>9</v>
      </c>
      <c r="C156" s="5" t="s">
        <v>406</v>
      </c>
      <c r="D156" s="6" t="s">
        <v>467</v>
      </c>
      <c r="E156" s="5" t="s">
        <v>468</v>
      </c>
      <c r="F156" s="7">
        <v>19800</v>
      </c>
      <c r="G156" s="5" t="s">
        <v>469</v>
      </c>
      <c r="H156" s="6" t="s">
        <v>179</v>
      </c>
      <c r="I156" s="8">
        <v>43825</v>
      </c>
    </row>
    <row r="157" spans="1:9" ht="24" x14ac:dyDescent="0.2">
      <c r="A157" s="4">
        <v>43556</v>
      </c>
      <c r="B157" s="5" t="s">
        <v>9</v>
      </c>
      <c r="C157" s="5" t="s">
        <v>406</v>
      </c>
      <c r="D157" s="6" t="s">
        <v>470</v>
      </c>
      <c r="E157" s="5" t="s">
        <v>471</v>
      </c>
      <c r="F157" s="7">
        <v>482900</v>
      </c>
      <c r="G157" s="5" t="s">
        <v>442</v>
      </c>
      <c r="H157" s="6" t="s">
        <v>443</v>
      </c>
      <c r="I157" s="8">
        <v>43826</v>
      </c>
    </row>
    <row r="158" spans="1:9" ht="24" x14ac:dyDescent="0.2">
      <c r="A158" s="4">
        <v>43556</v>
      </c>
      <c r="B158" s="5" t="s">
        <v>9</v>
      </c>
      <c r="C158" s="5" t="s">
        <v>472</v>
      </c>
      <c r="D158" s="6" t="s">
        <v>473</v>
      </c>
      <c r="E158" s="5" t="s">
        <v>474</v>
      </c>
      <c r="F158" s="7">
        <v>53295</v>
      </c>
      <c r="G158" s="5" t="s">
        <v>313</v>
      </c>
      <c r="H158" s="6" t="s">
        <v>314</v>
      </c>
      <c r="I158" s="8">
        <v>43740</v>
      </c>
    </row>
    <row r="159" spans="1:9" ht="24" x14ac:dyDescent="0.2">
      <c r="A159" s="4">
        <v>43556</v>
      </c>
      <c r="B159" s="5" t="s">
        <v>9</v>
      </c>
      <c r="C159" s="5" t="s">
        <v>472</v>
      </c>
      <c r="D159" s="6" t="s">
        <v>475</v>
      </c>
      <c r="E159" s="5" t="s">
        <v>476</v>
      </c>
      <c r="F159" s="7">
        <v>46475</v>
      </c>
      <c r="G159" s="5" t="s">
        <v>477</v>
      </c>
      <c r="H159" s="6" t="s">
        <v>478</v>
      </c>
      <c r="I159" s="8">
        <v>43742</v>
      </c>
    </row>
    <row r="160" spans="1:9" ht="24" x14ac:dyDescent="0.2">
      <c r="A160" s="4">
        <v>43556</v>
      </c>
      <c r="B160" s="5" t="s">
        <v>9</v>
      </c>
      <c r="C160" s="5" t="s">
        <v>472</v>
      </c>
      <c r="D160" s="6" t="s">
        <v>479</v>
      </c>
      <c r="E160" s="5" t="s">
        <v>480</v>
      </c>
      <c r="F160" s="7">
        <v>45100</v>
      </c>
      <c r="G160" s="5" t="s">
        <v>313</v>
      </c>
      <c r="H160" s="6" t="s">
        <v>314</v>
      </c>
      <c r="I160" s="8">
        <v>43742</v>
      </c>
    </row>
    <row r="161" spans="1:9" ht="24" x14ac:dyDescent="0.2">
      <c r="A161" s="4">
        <v>43556</v>
      </c>
      <c r="B161" s="5" t="s">
        <v>9</v>
      </c>
      <c r="C161" s="5" t="s">
        <v>472</v>
      </c>
      <c r="D161" s="6" t="s">
        <v>481</v>
      </c>
      <c r="E161" s="5" t="s">
        <v>482</v>
      </c>
      <c r="F161" s="7">
        <v>7920</v>
      </c>
      <c r="G161" s="5" t="s">
        <v>313</v>
      </c>
      <c r="H161" s="6" t="s">
        <v>314</v>
      </c>
      <c r="I161" s="8">
        <v>43748</v>
      </c>
    </row>
    <row r="162" spans="1:9" ht="24" x14ac:dyDescent="0.2">
      <c r="A162" s="4">
        <v>43556</v>
      </c>
      <c r="B162" s="5" t="s">
        <v>9</v>
      </c>
      <c r="C162" s="5" t="s">
        <v>472</v>
      </c>
      <c r="D162" s="6" t="s">
        <v>483</v>
      </c>
      <c r="E162" s="5" t="s">
        <v>484</v>
      </c>
      <c r="F162" s="7">
        <v>43414</v>
      </c>
      <c r="G162" s="5" t="s">
        <v>175</v>
      </c>
      <c r="H162" s="6" t="s">
        <v>176</v>
      </c>
      <c r="I162" s="8">
        <v>43748</v>
      </c>
    </row>
    <row r="163" spans="1:9" ht="24" x14ac:dyDescent="0.2">
      <c r="A163" s="4">
        <v>43556</v>
      </c>
      <c r="B163" s="5" t="s">
        <v>9</v>
      </c>
      <c r="C163" s="5" t="s">
        <v>472</v>
      </c>
      <c r="D163" s="6" t="s">
        <v>485</v>
      </c>
      <c r="E163" s="5" t="s">
        <v>486</v>
      </c>
      <c r="F163" s="7">
        <v>102300</v>
      </c>
      <c r="G163" s="5" t="s">
        <v>345</v>
      </c>
      <c r="H163" s="6" t="s">
        <v>346</v>
      </c>
      <c r="I163" s="8">
        <v>43749</v>
      </c>
    </row>
    <row r="164" spans="1:9" ht="24" x14ac:dyDescent="0.2">
      <c r="A164" s="4">
        <v>43556</v>
      </c>
      <c r="B164" s="5" t="s">
        <v>9</v>
      </c>
      <c r="C164" s="5" t="s">
        <v>472</v>
      </c>
      <c r="D164" s="6" t="s">
        <v>487</v>
      </c>
      <c r="E164" s="5" t="s">
        <v>488</v>
      </c>
      <c r="F164" s="7">
        <v>137500</v>
      </c>
      <c r="G164" s="5" t="s">
        <v>489</v>
      </c>
      <c r="H164" s="6" t="s">
        <v>490</v>
      </c>
      <c r="I164" s="8">
        <v>43753</v>
      </c>
    </row>
    <row r="165" spans="1:9" ht="24" x14ac:dyDescent="0.2">
      <c r="A165" s="4">
        <v>43556</v>
      </c>
      <c r="B165" s="5" t="s">
        <v>9</v>
      </c>
      <c r="C165" s="5" t="s">
        <v>472</v>
      </c>
      <c r="D165" s="6" t="s">
        <v>491</v>
      </c>
      <c r="E165" s="5" t="s">
        <v>492</v>
      </c>
      <c r="F165" s="7">
        <v>19140</v>
      </c>
      <c r="G165" s="5" t="s">
        <v>345</v>
      </c>
      <c r="H165" s="6" t="s">
        <v>346</v>
      </c>
      <c r="I165" s="8">
        <v>43756</v>
      </c>
    </row>
    <row r="166" spans="1:9" ht="24" x14ac:dyDescent="0.2">
      <c r="A166" s="4">
        <v>43556</v>
      </c>
      <c r="B166" s="5" t="s">
        <v>9</v>
      </c>
      <c r="C166" s="5" t="s">
        <v>472</v>
      </c>
      <c r="D166" s="6" t="s">
        <v>493</v>
      </c>
      <c r="E166" s="5" t="s">
        <v>494</v>
      </c>
      <c r="F166" s="7">
        <v>36032</v>
      </c>
      <c r="G166" s="5" t="s">
        <v>313</v>
      </c>
      <c r="H166" s="6" t="s">
        <v>314</v>
      </c>
      <c r="I166" s="8">
        <v>43761</v>
      </c>
    </row>
    <row r="167" spans="1:9" ht="24" x14ac:dyDescent="0.2">
      <c r="A167" s="4">
        <v>43556</v>
      </c>
      <c r="B167" s="5" t="s">
        <v>9</v>
      </c>
      <c r="C167" s="5" t="s">
        <v>472</v>
      </c>
      <c r="D167" s="6" t="s">
        <v>495</v>
      </c>
      <c r="E167" s="5" t="s">
        <v>496</v>
      </c>
      <c r="F167" s="7">
        <v>7920</v>
      </c>
      <c r="G167" s="5" t="s">
        <v>497</v>
      </c>
      <c r="H167" s="6" t="s">
        <v>498</v>
      </c>
      <c r="I167" s="8">
        <v>43784</v>
      </c>
    </row>
    <row r="168" spans="1:9" ht="24" x14ac:dyDescent="0.2">
      <c r="A168" s="4">
        <v>43556</v>
      </c>
      <c r="B168" s="5" t="s">
        <v>9</v>
      </c>
      <c r="C168" s="5" t="s">
        <v>472</v>
      </c>
      <c r="D168" s="6" t="s">
        <v>499</v>
      </c>
      <c r="E168" s="5" t="s">
        <v>500</v>
      </c>
      <c r="F168" s="7">
        <v>68200</v>
      </c>
      <c r="G168" s="5" t="s">
        <v>501</v>
      </c>
      <c r="H168" s="6" t="s">
        <v>36</v>
      </c>
      <c r="I168" s="8">
        <v>43787</v>
      </c>
    </row>
    <row r="169" spans="1:9" ht="24" x14ac:dyDescent="0.2">
      <c r="A169" s="4">
        <v>43556</v>
      </c>
      <c r="B169" s="5" t="s">
        <v>9</v>
      </c>
      <c r="C169" s="5" t="s">
        <v>472</v>
      </c>
      <c r="D169" s="6" t="s">
        <v>502</v>
      </c>
      <c r="E169" s="5" t="s">
        <v>503</v>
      </c>
      <c r="F169" s="7">
        <v>7590</v>
      </c>
      <c r="G169" s="5" t="s">
        <v>504</v>
      </c>
      <c r="H169" s="6" t="s">
        <v>505</v>
      </c>
      <c r="I169" s="8">
        <v>43787</v>
      </c>
    </row>
    <row r="170" spans="1:9" ht="24" x14ac:dyDescent="0.2">
      <c r="A170" s="4">
        <v>43556</v>
      </c>
      <c r="B170" s="5" t="s">
        <v>9</v>
      </c>
      <c r="C170" s="5" t="s">
        <v>472</v>
      </c>
      <c r="D170" s="6" t="s">
        <v>506</v>
      </c>
      <c r="E170" s="5" t="s">
        <v>507</v>
      </c>
      <c r="F170" s="7">
        <v>32010</v>
      </c>
      <c r="G170" s="5" t="s">
        <v>508</v>
      </c>
      <c r="H170" s="6" t="s">
        <v>509</v>
      </c>
      <c r="I170" s="8">
        <v>43798</v>
      </c>
    </row>
    <row r="171" spans="1:9" ht="24" x14ac:dyDescent="0.2">
      <c r="A171" s="4">
        <v>43556</v>
      </c>
      <c r="B171" s="5" t="s">
        <v>9</v>
      </c>
      <c r="C171" s="5" t="s">
        <v>472</v>
      </c>
      <c r="D171" s="6" t="s">
        <v>510</v>
      </c>
      <c r="E171" s="5" t="s">
        <v>511</v>
      </c>
      <c r="F171" s="7">
        <v>6160</v>
      </c>
      <c r="G171" s="5" t="s">
        <v>313</v>
      </c>
      <c r="H171" s="6" t="s">
        <v>314</v>
      </c>
      <c r="I171" s="8">
        <v>43810</v>
      </c>
    </row>
    <row r="172" spans="1:9" ht="24" x14ac:dyDescent="0.2">
      <c r="A172" s="4">
        <v>43556</v>
      </c>
      <c r="B172" s="5" t="s">
        <v>9</v>
      </c>
      <c r="C172" s="5" t="s">
        <v>472</v>
      </c>
      <c r="D172" s="6" t="s">
        <v>512</v>
      </c>
      <c r="E172" s="5" t="s">
        <v>513</v>
      </c>
      <c r="F172" s="7">
        <v>287100</v>
      </c>
      <c r="G172" s="5" t="s">
        <v>514</v>
      </c>
      <c r="H172" s="6" t="s">
        <v>515</v>
      </c>
      <c r="I172" s="8">
        <v>43810</v>
      </c>
    </row>
    <row r="173" spans="1:9" ht="24" x14ac:dyDescent="0.2">
      <c r="A173" s="4">
        <v>43556</v>
      </c>
      <c r="B173" s="5" t="s">
        <v>9</v>
      </c>
      <c r="C173" s="5" t="s">
        <v>472</v>
      </c>
      <c r="D173" s="6" t="s">
        <v>516</v>
      </c>
      <c r="E173" s="5" t="s">
        <v>517</v>
      </c>
      <c r="F173" s="7">
        <v>48400</v>
      </c>
      <c r="G173" s="5" t="s">
        <v>313</v>
      </c>
      <c r="H173" s="6" t="s">
        <v>314</v>
      </c>
      <c r="I173" s="8">
        <v>43816</v>
      </c>
    </row>
    <row r="174" spans="1:9" ht="24" x14ac:dyDescent="0.2">
      <c r="A174" s="4">
        <v>43556</v>
      </c>
      <c r="B174" s="5" t="s">
        <v>9</v>
      </c>
      <c r="C174" s="5" t="s">
        <v>472</v>
      </c>
      <c r="D174" s="6" t="s">
        <v>518</v>
      </c>
      <c r="E174" s="5" t="s">
        <v>519</v>
      </c>
      <c r="F174" s="7">
        <v>23100</v>
      </c>
      <c r="G174" s="5" t="s">
        <v>501</v>
      </c>
      <c r="H174" s="6" t="s">
        <v>36</v>
      </c>
      <c r="I174" s="8">
        <v>43823</v>
      </c>
    </row>
    <row r="175" spans="1:9" ht="24" x14ac:dyDescent="0.2">
      <c r="A175" s="4">
        <v>43556</v>
      </c>
      <c r="B175" s="5" t="s">
        <v>9</v>
      </c>
      <c r="C175" s="5" t="s">
        <v>472</v>
      </c>
      <c r="D175" s="6" t="s">
        <v>520</v>
      </c>
      <c r="E175" s="5" t="s">
        <v>521</v>
      </c>
      <c r="F175" s="7">
        <v>32989</v>
      </c>
      <c r="G175" s="5" t="s">
        <v>313</v>
      </c>
      <c r="H175" s="6" t="s">
        <v>314</v>
      </c>
      <c r="I175" s="8">
        <v>43826</v>
      </c>
    </row>
    <row r="176" spans="1:9" ht="24" x14ac:dyDescent="0.2">
      <c r="A176" s="4">
        <v>43556</v>
      </c>
      <c r="B176" s="5" t="s">
        <v>9</v>
      </c>
      <c r="C176" s="5" t="s">
        <v>522</v>
      </c>
      <c r="D176" s="6" t="s">
        <v>523</v>
      </c>
      <c r="E176" s="5" t="s">
        <v>524</v>
      </c>
      <c r="F176" s="7">
        <v>604564</v>
      </c>
      <c r="G176" s="5" t="s">
        <v>31</v>
      </c>
      <c r="H176" s="6" t="s">
        <v>32</v>
      </c>
      <c r="I176" s="8">
        <v>43746</v>
      </c>
    </row>
    <row r="177" spans="1:9" ht="24" x14ac:dyDescent="0.2">
      <c r="A177" s="4">
        <v>43556</v>
      </c>
      <c r="B177" s="5" t="s">
        <v>9</v>
      </c>
      <c r="C177" s="5" t="s">
        <v>522</v>
      </c>
      <c r="D177" s="6" t="s">
        <v>525</v>
      </c>
      <c r="E177" s="5" t="s">
        <v>526</v>
      </c>
      <c r="F177" s="7">
        <v>34485</v>
      </c>
      <c r="G177" s="5" t="s">
        <v>527</v>
      </c>
      <c r="H177" s="6" t="s">
        <v>528</v>
      </c>
      <c r="I177" s="8">
        <v>43776</v>
      </c>
    </row>
    <row r="178" spans="1:9" ht="24" x14ac:dyDescent="0.2">
      <c r="A178" s="4">
        <v>43556</v>
      </c>
      <c r="B178" s="5" t="s">
        <v>9</v>
      </c>
      <c r="C178" s="5" t="s">
        <v>522</v>
      </c>
      <c r="D178" s="6" t="s">
        <v>529</v>
      </c>
      <c r="E178" s="5" t="s">
        <v>530</v>
      </c>
      <c r="F178" s="7">
        <v>13970</v>
      </c>
      <c r="G178" s="5" t="s">
        <v>13</v>
      </c>
      <c r="H178" s="6" t="s">
        <v>14</v>
      </c>
      <c r="I178" s="8">
        <v>43784</v>
      </c>
    </row>
    <row r="179" spans="1:9" ht="24" x14ac:dyDescent="0.2">
      <c r="A179" s="4">
        <v>43556</v>
      </c>
      <c r="B179" s="5" t="s">
        <v>9</v>
      </c>
      <c r="C179" s="5" t="s">
        <v>522</v>
      </c>
      <c r="D179" s="6" t="s">
        <v>531</v>
      </c>
      <c r="E179" s="5" t="s">
        <v>532</v>
      </c>
      <c r="F179" s="7">
        <v>12144</v>
      </c>
      <c r="G179" s="5" t="s">
        <v>533</v>
      </c>
      <c r="H179" s="6" t="s">
        <v>534</v>
      </c>
      <c r="I179" s="8">
        <v>43794</v>
      </c>
    </row>
    <row r="180" spans="1:9" ht="24" x14ac:dyDescent="0.2">
      <c r="A180" s="4">
        <v>43556</v>
      </c>
      <c r="B180" s="5" t="s">
        <v>9</v>
      </c>
      <c r="C180" s="5" t="s">
        <v>522</v>
      </c>
      <c r="D180" s="6" t="s">
        <v>535</v>
      </c>
      <c r="E180" s="5" t="s">
        <v>532</v>
      </c>
      <c r="F180" s="7">
        <v>46570</v>
      </c>
      <c r="G180" s="5" t="s">
        <v>536</v>
      </c>
      <c r="H180" s="6" t="s">
        <v>537</v>
      </c>
      <c r="I180" s="8">
        <v>43795</v>
      </c>
    </row>
    <row r="181" spans="1:9" ht="24" x14ac:dyDescent="0.2">
      <c r="A181" s="4">
        <v>43556</v>
      </c>
      <c r="B181" s="5" t="s">
        <v>9</v>
      </c>
      <c r="C181" s="5" t="s">
        <v>522</v>
      </c>
      <c r="D181" s="6" t="s">
        <v>538</v>
      </c>
      <c r="E181" s="5" t="s">
        <v>29</v>
      </c>
      <c r="F181" s="7">
        <v>16170</v>
      </c>
      <c r="G181" s="5" t="s">
        <v>13</v>
      </c>
      <c r="H181" s="6" t="s">
        <v>14</v>
      </c>
      <c r="I181" s="8">
        <v>43808</v>
      </c>
    </row>
    <row r="182" spans="1:9" ht="24" x14ac:dyDescent="0.2">
      <c r="A182" s="4">
        <v>43556</v>
      </c>
      <c r="B182" s="5" t="s">
        <v>9</v>
      </c>
      <c r="C182" s="5" t="s">
        <v>522</v>
      </c>
      <c r="D182" s="6" t="s">
        <v>539</v>
      </c>
      <c r="E182" s="5" t="s">
        <v>540</v>
      </c>
      <c r="F182" s="7">
        <v>5720</v>
      </c>
      <c r="G182" s="5" t="s">
        <v>541</v>
      </c>
      <c r="H182" s="6" t="s">
        <v>542</v>
      </c>
      <c r="I182" s="8">
        <v>43808</v>
      </c>
    </row>
    <row r="183" spans="1:9" ht="24" x14ac:dyDescent="0.2">
      <c r="A183" s="4">
        <v>43556</v>
      </c>
      <c r="B183" s="5" t="s">
        <v>9</v>
      </c>
      <c r="C183" s="5" t="s">
        <v>522</v>
      </c>
      <c r="D183" s="6" t="s">
        <v>543</v>
      </c>
      <c r="E183" s="5" t="s">
        <v>544</v>
      </c>
      <c r="F183" s="7">
        <v>10835</v>
      </c>
      <c r="G183" s="5" t="s">
        <v>26</v>
      </c>
      <c r="H183" s="6" t="s">
        <v>27</v>
      </c>
      <c r="I183" s="8">
        <v>43809</v>
      </c>
    </row>
    <row r="184" spans="1:9" ht="24" x14ac:dyDescent="0.2">
      <c r="A184" s="4">
        <v>43556</v>
      </c>
      <c r="B184" s="5" t="s">
        <v>9</v>
      </c>
      <c r="C184" s="5" t="s">
        <v>522</v>
      </c>
      <c r="D184" s="6" t="s">
        <v>545</v>
      </c>
      <c r="E184" s="5" t="s">
        <v>546</v>
      </c>
      <c r="F184" s="7">
        <v>1430</v>
      </c>
      <c r="G184" s="5" t="s">
        <v>547</v>
      </c>
      <c r="H184" s="6" t="s">
        <v>429</v>
      </c>
      <c r="I184" s="8">
        <v>43811</v>
      </c>
    </row>
    <row r="185" spans="1:9" ht="36" x14ac:dyDescent="0.2">
      <c r="A185" s="4">
        <v>43556</v>
      </c>
      <c r="B185" s="5" t="s">
        <v>9</v>
      </c>
      <c r="C185" s="5" t="s">
        <v>522</v>
      </c>
      <c r="D185" s="6" t="s">
        <v>548</v>
      </c>
      <c r="E185" s="5" t="s">
        <v>549</v>
      </c>
      <c r="F185" s="7">
        <v>9567</v>
      </c>
      <c r="G185" s="5" t="s">
        <v>550</v>
      </c>
      <c r="H185" s="6" t="s">
        <v>551</v>
      </c>
      <c r="I185" s="8">
        <v>43822</v>
      </c>
    </row>
    <row r="186" spans="1:9" ht="24" x14ac:dyDescent="0.2">
      <c r="A186" s="4">
        <v>43556</v>
      </c>
      <c r="B186" s="5" t="s">
        <v>9</v>
      </c>
      <c r="C186" s="5" t="s">
        <v>522</v>
      </c>
      <c r="D186" s="6" t="s">
        <v>552</v>
      </c>
      <c r="E186" s="5" t="s">
        <v>553</v>
      </c>
      <c r="F186" s="7">
        <v>29040</v>
      </c>
      <c r="G186" s="5" t="s">
        <v>554</v>
      </c>
      <c r="H186" s="6" t="s">
        <v>555</v>
      </c>
      <c r="I186" s="8">
        <v>43824</v>
      </c>
    </row>
    <row r="187" spans="1:9" ht="24" x14ac:dyDescent="0.2">
      <c r="A187" s="4">
        <v>43556</v>
      </c>
      <c r="B187" s="5" t="s">
        <v>9</v>
      </c>
      <c r="C187" s="5" t="s">
        <v>522</v>
      </c>
      <c r="D187" s="6" t="s">
        <v>556</v>
      </c>
      <c r="E187" s="5" t="s">
        <v>557</v>
      </c>
      <c r="F187" s="7">
        <v>58010</v>
      </c>
      <c r="G187" s="5" t="s">
        <v>26</v>
      </c>
      <c r="H187" s="6" t="s">
        <v>27</v>
      </c>
      <c r="I187" s="8">
        <v>43825</v>
      </c>
    </row>
    <row r="188" spans="1:9" ht="24" x14ac:dyDescent="0.2">
      <c r="A188" s="4">
        <v>43556</v>
      </c>
      <c r="B188" s="5" t="s">
        <v>9</v>
      </c>
      <c r="C188" s="5" t="s">
        <v>558</v>
      </c>
      <c r="D188" s="6" t="s">
        <v>559</v>
      </c>
      <c r="E188" s="5" t="s">
        <v>560</v>
      </c>
      <c r="F188" s="7">
        <v>29376</v>
      </c>
      <c r="G188" s="5" t="s">
        <v>201</v>
      </c>
      <c r="H188" s="6" t="s">
        <v>202</v>
      </c>
      <c r="I188" s="8">
        <v>43742</v>
      </c>
    </row>
    <row r="189" spans="1:9" ht="24" x14ac:dyDescent="0.2">
      <c r="A189" s="4">
        <v>43556</v>
      </c>
      <c r="B189" s="5" t="s">
        <v>9</v>
      </c>
      <c r="C189" s="5" t="s">
        <v>558</v>
      </c>
      <c r="D189" s="6" t="s">
        <v>561</v>
      </c>
      <c r="E189" s="5" t="s">
        <v>562</v>
      </c>
      <c r="F189" s="7">
        <v>33466</v>
      </c>
      <c r="G189" s="5" t="s">
        <v>313</v>
      </c>
      <c r="H189" s="6" t="s">
        <v>314</v>
      </c>
      <c r="I189" s="8">
        <v>43746</v>
      </c>
    </row>
    <row r="190" spans="1:9" ht="24" x14ac:dyDescent="0.2">
      <c r="A190" s="4">
        <v>43556</v>
      </c>
      <c r="B190" s="5" t="s">
        <v>9</v>
      </c>
      <c r="C190" s="5" t="s">
        <v>558</v>
      </c>
      <c r="D190" s="6" t="s">
        <v>563</v>
      </c>
      <c r="E190" s="5" t="s">
        <v>564</v>
      </c>
      <c r="F190" s="7">
        <v>3980</v>
      </c>
      <c r="G190" s="5" t="s">
        <v>504</v>
      </c>
      <c r="H190" s="6" t="s">
        <v>505</v>
      </c>
      <c r="I190" s="8">
        <v>43753</v>
      </c>
    </row>
    <row r="191" spans="1:9" ht="24" x14ac:dyDescent="0.2">
      <c r="A191" s="4">
        <v>43556</v>
      </c>
      <c r="B191" s="5" t="s">
        <v>9</v>
      </c>
      <c r="C191" s="5" t="s">
        <v>558</v>
      </c>
      <c r="D191" s="6" t="s">
        <v>565</v>
      </c>
      <c r="E191" s="5" t="s">
        <v>566</v>
      </c>
      <c r="F191" s="7">
        <v>17487</v>
      </c>
      <c r="G191" s="5" t="s">
        <v>313</v>
      </c>
      <c r="H191" s="6" t="s">
        <v>314</v>
      </c>
      <c r="I191" s="8">
        <v>43755</v>
      </c>
    </row>
    <row r="192" spans="1:9" ht="24" x14ac:dyDescent="0.2">
      <c r="A192" s="4">
        <v>43556</v>
      </c>
      <c r="B192" s="5" t="s">
        <v>9</v>
      </c>
      <c r="C192" s="5" t="s">
        <v>558</v>
      </c>
      <c r="D192" s="6" t="s">
        <v>567</v>
      </c>
      <c r="E192" s="5" t="s">
        <v>568</v>
      </c>
      <c r="F192" s="7">
        <v>6688</v>
      </c>
      <c r="G192" s="5" t="s">
        <v>569</v>
      </c>
      <c r="H192" s="6" t="s">
        <v>179</v>
      </c>
      <c r="I192" s="8">
        <v>43761</v>
      </c>
    </row>
    <row r="193" spans="1:9" ht="24" x14ac:dyDescent="0.2">
      <c r="A193" s="4">
        <v>43556</v>
      </c>
      <c r="B193" s="5" t="s">
        <v>9</v>
      </c>
      <c r="C193" s="5" t="s">
        <v>558</v>
      </c>
      <c r="D193" s="6" t="s">
        <v>570</v>
      </c>
      <c r="E193" s="5" t="s">
        <v>571</v>
      </c>
      <c r="F193" s="7">
        <v>7370</v>
      </c>
      <c r="G193" s="5" t="s">
        <v>313</v>
      </c>
      <c r="H193" s="6" t="s">
        <v>314</v>
      </c>
      <c r="I193" s="8">
        <v>43767</v>
      </c>
    </row>
    <row r="194" spans="1:9" ht="24" x14ac:dyDescent="0.2">
      <c r="A194" s="4">
        <v>43556</v>
      </c>
      <c r="B194" s="5" t="s">
        <v>9</v>
      </c>
      <c r="C194" s="5" t="s">
        <v>558</v>
      </c>
      <c r="D194" s="6" t="s">
        <v>572</v>
      </c>
      <c r="E194" s="5" t="s">
        <v>573</v>
      </c>
      <c r="F194" s="7">
        <v>30800</v>
      </c>
      <c r="G194" s="5" t="s">
        <v>195</v>
      </c>
      <c r="H194" s="6" t="s">
        <v>196</v>
      </c>
      <c r="I194" s="8">
        <v>43777</v>
      </c>
    </row>
    <row r="195" spans="1:9" ht="24" x14ac:dyDescent="0.2">
      <c r="A195" s="4">
        <v>43556</v>
      </c>
      <c r="B195" s="5" t="s">
        <v>9</v>
      </c>
      <c r="C195" s="5" t="s">
        <v>558</v>
      </c>
      <c r="D195" s="6" t="s">
        <v>574</v>
      </c>
      <c r="E195" s="5" t="s">
        <v>575</v>
      </c>
      <c r="F195" s="7">
        <v>38500</v>
      </c>
      <c r="G195" s="5" t="s">
        <v>313</v>
      </c>
      <c r="H195" s="6" t="s">
        <v>314</v>
      </c>
      <c r="I195" s="8">
        <v>43797</v>
      </c>
    </row>
    <row r="196" spans="1:9" ht="24" x14ac:dyDescent="0.2">
      <c r="A196" s="4">
        <v>43556</v>
      </c>
      <c r="B196" s="5" t="s">
        <v>9</v>
      </c>
      <c r="C196" s="5" t="s">
        <v>558</v>
      </c>
      <c r="D196" s="6" t="s">
        <v>576</v>
      </c>
      <c r="E196" s="5" t="s">
        <v>577</v>
      </c>
      <c r="F196" s="7">
        <v>30800</v>
      </c>
      <c r="G196" s="5" t="s">
        <v>195</v>
      </c>
      <c r="H196" s="6" t="s">
        <v>196</v>
      </c>
      <c r="I196" s="8">
        <v>43804</v>
      </c>
    </row>
    <row r="197" spans="1:9" ht="24" x14ac:dyDescent="0.2">
      <c r="A197" s="4">
        <v>43556</v>
      </c>
      <c r="B197" s="5" t="s">
        <v>9</v>
      </c>
      <c r="C197" s="5" t="s">
        <v>558</v>
      </c>
      <c r="D197" s="6" t="s">
        <v>578</v>
      </c>
      <c r="E197" s="5" t="s">
        <v>532</v>
      </c>
      <c r="F197" s="7">
        <v>3993</v>
      </c>
      <c r="G197" s="5" t="s">
        <v>504</v>
      </c>
      <c r="H197" s="6" t="s">
        <v>505</v>
      </c>
      <c r="I197" s="8">
        <v>43815</v>
      </c>
    </row>
    <row r="198" spans="1:9" ht="24" x14ac:dyDescent="0.2">
      <c r="A198" s="4">
        <v>43556</v>
      </c>
      <c r="B198" s="5" t="s">
        <v>9</v>
      </c>
      <c r="C198" s="5" t="s">
        <v>558</v>
      </c>
      <c r="D198" s="6" t="s">
        <v>579</v>
      </c>
      <c r="E198" s="5" t="s">
        <v>575</v>
      </c>
      <c r="F198" s="7">
        <v>40667</v>
      </c>
      <c r="G198" s="5" t="s">
        <v>313</v>
      </c>
      <c r="H198" s="6" t="s">
        <v>314</v>
      </c>
      <c r="I198" s="8">
        <v>43816</v>
      </c>
    </row>
    <row r="199" spans="1:9" ht="24" x14ac:dyDescent="0.2">
      <c r="A199" s="4">
        <v>43556</v>
      </c>
      <c r="B199" s="5" t="s">
        <v>9</v>
      </c>
      <c r="C199" s="5" t="s">
        <v>558</v>
      </c>
      <c r="D199" s="6" t="s">
        <v>580</v>
      </c>
      <c r="E199" s="5" t="s">
        <v>581</v>
      </c>
      <c r="F199" s="7">
        <v>9680</v>
      </c>
      <c r="G199" s="5" t="s">
        <v>582</v>
      </c>
      <c r="H199" s="6" t="s">
        <v>583</v>
      </c>
      <c r="I199" s="8">
        <v>43822</v>
      </c>
    </row>
    <row r="200" spans="1:9" ht="24" x14ac:dyDescent="0.2">
      <c r="A200" s="4">
        <v>43556</v>
      </c>
      <c r="B200" s="5" t="s">
        <v>9</v>
      </c>
      <c r="C200" s="5" t="s">
        <v>558</v>
      </c>
      <c r="D200" s="6" t="s">
        <v>584</v>
      </c>
      <c r="E200" s="5" t="s">
        <v>585</v>
      </c>
      <c r="F200" s="7">
        <v>49996</v>
      </c>
      <c r="G200" s="5" t="s">
        <v>586</v>
      </c>
      <c r="H200" s="6" t="s">
        <v>587</v>
      </c>
      <c r="I200" s="8">
        <v>43822</v>
      </c>
    </row>
    <row r="201" spans="1:9" ht="24" x14ac:dyDescent="0.2">
      <c r="A201" s="4">
        <v>43556</v>
      </c>
      <c r="B201" s="5" t="s">
        <v>9</v>
      </c>
      <c r="C201" s="5" t="s">
        <v>558</v>
      </c>
      <c r="D201" s="6" t="s">
        <v>588</v>
      </c>
      <c r="E201" s="5" t="s">
        <v>589</v>
      </c>
      <c r="F201" s="7">
        <v>43560</v>
      </c>
      <c r="G201" s="5" t="s">
        <v>590</v>
      </c>
      <c r="H201" s="6" t="s">
        <v>591</v>
      </c>
      <c r="I201" s="8">
        <v>43822</v>
      </c>
    </row>
    <row r="202" spans="1:9" ht="24" x14ac:dyDescent="0.2">
      <c r="A202" s="4">
        <v>43556</v>
      </c>
      <c r="B202" s="5" t="s">
        <v>9</v>
      </c>
      <c r="C202" s="5" t="s">
        <v>558</v>
      </c>
      <c r="D202" s="6" t="s">
        <v>592</v>
      </c>
      <c r="E202" s="5" t="s">
        <v>593</v>
      </c>
      <c r="F202" s="7">
        <v>45166</v>
      </c>
      <c r="G202" s="5" t="s">
        <v>313</v>
      </c>
      <c r="H202" s="6" t="s">
        <v>314</v>
      </c>
      <c r="I202" s="8">
        <v>43823</v>
      </c>
    </row>
    <row r="203" spans="1:9" ht="24" x14ac:dyDescent="0.2">
      <c r="A203" s="4">
        <v>43556</v>
      </c>
      <c r="B203" s="5" t="s">
        <v>9</v>
      </c>
      <c r="C203" s="5" t="s">
        <v>558</v>
      </c>
      <c r="D203" s="6" t="s">
        <v>594</v>
      </c>
      <c r="E203" s="5" t="s">
        <v>595</v>
      </c>
      <c r="F203" s="7">
        <v>40447</v>
      </c>
      <c r="G203" s="5" t="s">
        <v>504</v>
      </c>
      <c r="H203" s="6" t="s">
        <v>505</v>
      </c>
      <c r="I203" s="8">
        <v>43824</v>
      </c>
    </row>
    <row r="204" spans="1:9" ht="24" x14ac:dyDescent="0.2">
      <c r="A204" s="4">
        <v>43556</v>
      </c>
      <c r="B204" s="5" t="s">
        <v>9</v>
      </c>
      <c r="C204" s="5" t="s">
        <v>558</v>
      </c>
      <c r="D204" s="6" t="s">
        <v>596</v>
      </c>
      <c r="E204" s="5" t="s">
        <v>597</v>
      </c>
      <c r="F204" s="7">
        <v>49500</v>
      </c>
      <c r="G204" s="5" t="s">
        <v>598</v>
      </c>
      <c r="H204" s="6" t="s">
        <v>599</v>
      </c>
      <c r="I204" s="8">
        <v>43824</v>
      </c>
    </row>
    <row r="205" spans="1:9" ht="24" x14ac:dyDescent="0.2">
      <c r="A205" s="4">
        <v>43556</v>
      </c>
      <c r="B205" s="5" t="s">
        <v>9</v>
      </c>
      <c r="C205" s="5" t="s">
        <v>558</v>
      </c>
      <c r="D205" s="6" t="s">
        <v>600</v>
      </c>
      <c r="E205" s="5" t="s">
        <v>601</v>
      </c>
      <c r="F205" s="7">
        <v>106040</v>
      </c>
      <c r="G205" s="5" t="s">
        <v>313</v>
      </c>
      <c r="H205" s="6" t="s">
        <v>314</v>
      </c>
      <c r="I205" s="8">
        <v>43824</v>
      </c>
    </row>
    <row r="206" spans="1:9" ht="24" x14ac:dyDescent="0.2">
      <c r="A206" s="4">
        <v>43556</v>
      </c>
      <c r="B206" s="5" t="s">
        <v>9</v>
      </c>
      <c r="C206" s="5" t="s">
        <v>558</v>
      </c>
      <c r="D206" s="6" t="s">
        <v>602</v>
      </c>
      <c r="E206" s="5" t="s">
        <v>603</v>
      </c>
      <c r="F206" s="7">
        <v>119680</v>
      </c>
      <c r="G206" s="5" t="s">
        <v>313</v>
      </c>
      <c r="H206" s="6" t="s">
        <v>314</v>
      </c>
      <c r="I206" s="8">
        <v>43825</v>
      </c>
    </row>
    <row r="207" spans="1:9" ht="24" x14ac:dyDescent="0.2">
      <c r="A207" s="4">
        <v>43556</v>
      </c>
      <c r="B207" s="5" t="s">
        <v>9</v>
      </c>
      <c r="C207" s="5" t="s">
        <v>558</v>
      </c>
      <c r="D207" s="6" t="s">
        <v>604</v>
      </c>
      <c r="E207" s="5" t="s">
        <v>605</v>
      </c>
      <c r="F207" s="7">
        <v>6380</v>
      </c>
      <c r="G207" s="5" t="s">
        <v>504</v>
      </c>
      <c r="H207" s="6" t="s">
        <v>505</v>
      </c>
      <c r="I207" s="8">
        <v>43825</v>
      </c>
    </row>
    <row r="208" spans="1:9" ht="24" x14ac:dyDescent="0.2">
      <c r="A208" s="4">
        <v>43556</v>
      </c>
      <c r="B208" s="5" t="s">
        <v>9</v>
      </c>
      <c r="C208" s="5" t="s">
        <v>606</v>
      </c>
      <c r="D208" s="6" t="s">
        <v>607</v>
      </c>
      <c r="E208" s="5" t="s">
        <v>608</v>
      </c>
      <c r="F208" s="7">
        <v>34540</v>
      </c>
      <c r="G208" s="5" t="s">
        <v>609</v>
      </c>
      <c r="H208" s="6" t="s">
        <v>610</v>
      </c>
      <c r="I208" s="8">
        <v>43739</v>
      </c>
    </row>
    <row r="209" spans="1:9" ht="24" x14ac:dyDescent="0.2">
      <c r="A209" s="4">
        <v>43556</v>
      </c>
      <c r="B209" s="5" t="s">
        <v>9</v>
      </c>
      <c r="C209" s="5" t="s">
        <v>606</v>
      </c>
      <c r="D209" s="6" t="s">
        <v>611</v>
      </c>
      <c r="E209" s="5" t="s">
        <v>612</v>
      </c>
      <c r="F209" s="7">
        <v>30358</v>
      </c>
      <c r="G209" s="5" t="s">
        <v>613</v>
      </c>
      <c r="H209" s="6" t="s">
        <v>614</v>
      </c>
      <c r="I209" s="8">
        <v>43740</v>
      </c>
    </row>
    <row r="210" spans="1:9" ht="24" x14ac:dyDescent="0.2">
      <c r="A210" s="4">
        <v>43556</v>
      </c>
      <c r="B210" s="5" t="s">
        <v>9</v>
      </c>
      <c r="C210" s="5" t="s">
        <v>606</v>
      </c>
      <c r="D210" s="6" t="s">
        <v>615</v>
      </c>
      <c r="E210" s="5" t="s">
        <v>616</v>
      </c>
      <c r="F210" s="7">
        <v>52050</v>
      </c>
      <c r="G210" s="5" t="s">
        <v>617</v>
      </c>
      <c r="H210" s="6" t="s">
        <v>618</v>
      </c>
      <c r="I210" s="8">
        <v>43742</v>
      </c>
    </row>
    <row r="211" spans="1:9" ht="24" x14ac:dyDescent="0.2">
      <c r="A211" s="4">
        <v>43556</v>
      </c>
      <c r="B211" s="5" t="s">
        <v>9</v>
      </c>
      <c r="C211" s="5" t="s">
        <v>606</v>
      </c>
      <c r="D211" s="6" t="s">
        <v>619</v>
      </c>
      <c r="E211" s="5" t="s">
        <v>620</v>
      </c>
      <c r="F211" s="7">
        <v>2112</v>
      </c>
      <c r="G211" s="5" t="s">
        <v>621</v>
      </c>
      <c r="H211" s="6" t="s">
        <v>622</v>
      </c>
      <c r="I211" s="8">
        <v>43742</v>
      </c>
    </row>
    <row r="212" spans="1:9" ht="24" x14ac:dyDescent="0.2">
      <c r="A212" s="4">
        <v>43556</v>
      </c>
      <c r="B212" s="5" t="s">
        <v>9</v>
      </c>
      <c r="C212" s="5" t="s">
        <v>606</v>
      </c>
      <c r="D212" s="6" t="s">
        <v>623</v>
      </c>
      <c r="E212" s="5" t="s">
        <v>624</v>
      </c>
      <c r="F212" s="7">
        <v>6007</v>
      </c>
      <c r="G212" s="5" t="s">
        <v>22</v>
      </c>
      <c r="H212" s="6" t="s">
        <v>23</v>
      </c>
      <c r="I212" s="8">
        <v>43746</v>
      </c>
    </row>
    <row r="213" spans="1:9" ht="24" x14ac:dyDescent="0.2">
      <c r="A213" s="4">
        <v>43556</v>
      </c>
      <c r="B213" s="5" t="s">
        <v>9</v>
      </c>
      <c r="C213" s="5" t="s">
        <v>606</v>
      </c>
      <c r="D213" s="6" t="s">
        <v>625</v>
      </c>
      <c r="E213" s="5" t="s">
        <v>626</v>
      </c>
      <c r="F213" s="7">
        <v>63800</v>
      </c>
      <c r="G213" s="5" t="s">
        <v>627</v>
      </c>
      <c r="H213" s="6" t="s">
        <v>628</v>
      </c>
      <c r="I213" s="8">
        <v>43766</v>
      </c>
    </row>
    <row r="214" spans="1:9" ht="24" x14ac:dyDescent="0.2">
      <c r="A214" s="4">
        <v>43556</v>
      </c>
      <c r="B214" s="5" t="s">
        <v>9</v>
      </c>
      <c r="C214" s="5" t="s">
        <v>606</v>
      </c>
      <c r="D214" s="6" t="s">
        <v>629</v>
      </c>
      <c r="E214" s="5" t="s">
        <v>630</v>
      </c>
      <c r="F214" s="7">
        <v>36432</v>
      </c>
      <c r="G214" s="5" t="s">
        <v>617</v>
      </c>
      <c r="H214" s="6" t="s">
        <v>618</v>
      </c>
      <c r="I214" s="8">
        <v>43775</v>
      </c>
    </row>
    <row r="215" spans="1:9" ht="24" x14ac:dyDescent="0.2">
      <c r="A215" s="4">
        <v>43556</v>
      </c>
      <c r="B215" s="5" t="s">
        <v>9</v>
      </c>
      <c r="C215" s="5" t="s">
        <v>606</v>
      </c>
      <c r="D215" s="6" t="s">
        <v>631</v>
      </c>
      <c r="E215" s="5" t="s">
        <v>632</v>
      </c>
      <c r="F215" s="7">
        <v>45060</v>
      </c>
      <c r="G215" s="5" t="s">
        <v>613</v>
      </c>
      <c r="H215" s="6" t="s">
        <v>614</v>
      </c>
      <c r="I215" s="8">
        <v>43775</v>
      </c>
    </row>
    <row r="216" spans="1:9" ht="24" x14ac:dyDescent="0.2">
      <c r="A216" s="4">
        <v>43556</v>
      </c>
      <c r="B216" s="5" t="s">
        <v>9</v>
      </c>
      <c r="C216" s="5" t="s">
        <v>606</v>
      </c>
      <c r="D216" s="6" t="s">
        <v>633</v>
      </c>
      <c r="E216" s="5" t="s">
        <v>634</v>
      </c>
      <c r="F216" s="7">
        <v>10320</v>
      </c>
      <c r="G216" s="5" t="s">
        <v>22</v>
      </c>
      <c r="H216" s="6" t="s">
        <v>23</v>
      </c>
      <c r="I216" s="8">
        <v>43776</v>
      </c>
    </row>
    <row r="217" spans="1:9" ht="24" x14ac:dyDescent="0.2">
      <c r="A217" s="4">
        <v>43556</v>
      </c>
      <c r="B217" s="5" t="s">
        <v>9</v>
      </c>
      <c r="C217" s="5" t="s">
        <v>606</v>
      </c>
      <c r="D217" s="6" t="s">
        <v>635</v>
      </c>
      <c r="E217" s="5" t="s">
        <v>636</v>
      </c>
      <c r="F217" s="7">
        <v>82060</v>
      </c>
      <c r="G217" s="5" t="s">
        <v>637</v>
      </c>
      <c r="H217" s="6" t="s">
        <v>638</v>
      </c>
      <c r="I217" s="8">
        <v>43797</v>
      </c>
    </row>
    <row r="218" spans="1:9" ht="24" x14ac:dyDescent="0.2">
      <c r="A218" s="4">
        <v>43556</v>
      </c>
      <c r="B218" s="5" t="s">
        <v>9</v>
      </c>
      <c r="C218" s="5" t="s">
        <v>606</v>
      </c>
      <c r="D218" s="6" t="s">
        <v>639</v>
      </c>
      <c r="E218" s="5" t="s">
        <v>640</v>
      </c>
      <c r="F218" s="7">
        <v>37874</v>
      </c>
      <c r="G218" s="5" t="s">
        <v>613</v>
      </c>
      <c r="H218" s="6" t="s">
        <v>614</v>
      </c>
      <c r="I218" s="8">
        <v>43803</v>
      </c>
    </row>
    <row r="219" spans="1:9" ht="24" x14ac:dyDescent="0.2">
      <c r="A219" s="4">
        <v>43556</v>
      </c>
      <c r="B219" s="5" t="s">
        <v>9</v>
      </c>
      <c r="C219" s="5" t="s">
        <v>606</v>
      </c>
      <c r="D219" s="6" t="s">
        <v>641</v>
      </c>
      <c r="E219" s="5" t="s">
        <v>642</v>
      </c>
      <c r="F219" s="7">
        <v>4445</v>
      </c>
      <c r="G219" s="5" t="s">
        <v>609</v>
      </c>
      <c r="H219" s="6" t="s">
        <v>610</v>
      </c>
      <c r="I219" s="8">
        <v>43803</v>
      </c>
    </row>
    <row r="220" spans="1:9" ht="24" x14ac:dyDescent="0.2">
      <c r="A220" s="4">
        <v>43556</v>
      </c>
      <c r="B220" s="5" t="s">
        <v>9</v>
      </c>
      <c r="C220" s="5" t="s">
        <v>606</v>
      </c>
      <c r="D220" s="6" t="s">
        <v>643</v>
      </c>
      <c r="E220" s="5" t="s">
        <v>644</v>
      </c>
      <c r="F220" s="7">
        <v>36432</v>
      </c>
      <c r="G220" s="5" t="s">
        <v>617</v>
      </c>
      <c r="H220" s="6" t="s">
        <v>618</v>
      </c>
      <c r="I220" s="8">
        <v>43803</v>
      </c>
    </row>
    <row r="221" spans="1:9" ht="24" x14ac:dyDescent="0.2">
      <c r="A221" s="4">
        <v>43556</v>
      </c>
      <c r="B221" s="5" t="s">
        <v>9</v>
      </c>
      <c r="C221" s="5" t="s">
        <v>606</v>
      </c>
      <c r="D221" s="6" t="s">
        <v>645</v>
      </c>
      <c r="E221" s="5" t="s">
        <v>646</v>
      </c>
      <c r="F221" s="7">
        <v>35764</v>
      </c>
      <c r="G221" s="5" t="s">
        <v>22</v>
      </c>
      <c r="H221" s="6" t="s">
        <v>23</v>
      </c>
      <c r="I221" s="8">
        <v>43803</v>
      </c>
    </row>
    <row r="222" spans="1:9" ht="24" x14ac:dyDescent="0.2">
      <c r="A222" s="4">
        <v>43556</v>
      </c>
      <c r="B222" s="5" t="s">
        <v>9</v>
      </c>
      <c r="C222" s="5" t="s">
        <v>606</v>
      </c>
      <c r="D222" s="6" t="s">
        <v>647</v>
      </c>
      <c r="E222" s="5" t="s">
        <v>648</v>
      </c>
      <c r="F222" s="7">
        <v>34540</v>
      </c>
      <c r="G222" s="5" t="s">
        <v>609</v>
      </c>
      <c r="H222" s="6" t="s">
        <v>610</v>
      </c>
      <c r="I222" s="8">
        <v>43822</v>
      </c>
    </row>
    <row r="223" spans="1:9" ht="24" x14ac:dyDescent="0.2">
      <c r="A223" s="4">
        <v>43556</v>
      </c>
      <c r="B223" s="5" t="s">
        <v>9</v>
      </c>
      <c r="C223" s="5" t="s">
        <v>606</v>
      </c>
      <c r="D223" s="6" t="s">
        <v>649</v>
      </c>
      <c r="E223" s="5" t="s">
        <v>650</v>
      </c>
      <c r="F223" s="7">
        <v>21532</v>
      </c>
      <c r="G223" s="5" t="s">
        <v>651</v>
      </c>
      <c r="H223" s="6" t="s">
        <v>498</v>
      </c>
      <c r="I223" s="8">
        <v>43823</v>
      </c>
    </row>
    <row r="224" spans="1:9" ht="24" x14ac:dyDescent="0.2">
      <c r="A224" s="4">
        <v>43556</v>
      </c>
      <c r="B224" s="5" t="s">
        <v>9</v>
      </c>
      <c r="C224" s="5" t="s">
        <v>652</v>
      </c>
      <c r="D224" s="6" t="s">
        <v>653</v>
      </c>
      <c r="E224" s="5" t="s">
        <v>654</v>
      </c>
      <c r="F224" s="7">
        <v>32915</v>
      </c>
      <c r="G224" s="5" t="s">
        <v>655</v>
      </c>
      <c r="H224" s="6" t="s">
        <v>656</v>
      </c>
      <c r="I224" s="8">
        <v>43739</v>
      </c>
    </row>
    <row r="225" spans="1:9" ht="24" x14ac:dyDescent="0.2">
      <c r="A225" s="4">
        <v>43556</v>
      </c>
      <c r="B225" s="5" t="s">
        <v>9</v>
      </c>
      <c r="C225" s="5" t="s">
        <v>652</v>
      </c>
      <c r="D225" s="6" t="s">
        <v>657</v>
      </c>
      <c r="E225" s="5" t="s">
        <v>658</v>
      </c>
      <c r="F225" s="7">
        <v>39050</v>
      </c>
      <c r="G225" s="5" t="s">
        <v>659</v>
      </c>
      <c r="H225" s="6" t="s">
        <v>660</v>
      </c>
      <c r="I225" s="8">
        <v>43739</v>
      </c>
    </row>
    <row r="226" spans="1:9" ht="24" x14ac:dyDescent="0.2">
      <c r="A226" s="4">
        <v>43556</v>
      </c>
      <c r="B226" s="5" t="s">
        <v>9</v>
      </c>
      <c r="C226" s="5" t="s">
        <v>652</v>
      </c>
      <c r="D226" s="6" t="s">
        <v>661</v>
      </c>
      <c r="E226" s="5" t="s">
        <v>662</v>
      </c>
      <c r="F226" s="7">
        <v>17380</v>
      </c>
      <c r="G226" s="5" t="s">
        <v>309</v>
      </c>
      <c r="H226" s="6" t="s">
        <v>310</v>
      </c>
      <c r="I226" s="8">
        <v>43745</v>
      </c>
    </row>
    <row r="227" spans="1:9" ht="24" x14ac:dyDescent="0.2">
      <c r="A227" s="4">
        <v>43556</v>
      </c>
      <c r="B227" s="5" t="s">
        <v>9</v>
      </c>
      <c r="C227" s="5" t="s">
        <v>652</v>
      </c>
      <c r="D227" s="6" t="s">
        <v>663</v>
      </c>
      <c r="E227" s="5" t="s">
        <v>664</v>
      </c>
      <c r="F227" s="7">
        <v>20370</v>
      </c>
      <c r="G227" s="5" t="s">
        <v>665</v>
      </c>
      <c r="H227" s="6" t="s">
        <v>666</v>
      </c>
      <c r="I227" s="8">
        <v>43745</v>
      </c>
    </row>
    <row r="228" spans="1:9" ht="24" x14ac:dyDescent="0.2">
      <c r="A228" s="4">
        <v>43556</v>
      </c>
      <c r="B228" s="5" t="s">
        <v>9</v>
      </c>
      <c r="C228" s="5" t="s">
        <v>652</v>
      </c>
      <c r="D228" s="6" t="s">
        <v>667</v>
      </c>
      <c r="E228" s="5" t="s">
        <v>662</v>
      </c>
      <c r="F228" s="7">
        <v>6930</v>
      </c>
      <c r="G228" s="5" t="s">
        <v>309</v>
      </c>
      <c r="H228" s="6" t="s">
        <v>310</v>
      </c>
      <c r="I228" s="8">
        <v>43747</v>
      </c>
    </row>
    <row r="229" spans="1:9" ht="24" x14ac:dyDescent="0.2">
      <c r="A229" s="4">
        <v>43556</v>
      </c>
      <c r="B229" s="5" t="s">
        <v>9</v>
      </c>
      <c r="C229" s="5" t="s">
        <v>652</v>
      </c>
      <c r="D229" s="6" t="s">
        <v>668</v>
      </c>
      <c r="E229" s="5" t="s">
        <v>669</v>
      </c>
      <c r="F229" s="7">
        <v>10000</v>
      </c>
      <c r="G229" s="5" t="s">
        <v>670</v>
      </c>
      <c r="H229" s="6" t="s">
        <v>179</v>
      </c>
      <c r="I229" s="8">
        <v>43756</v>
      </c>
    </row>
    <row r="230" spans="1:9" ht="24" x14ac:dyDescent="0.2">
      <c r="A230" s="4">
        <v>43556</v>
      </c>
      <c r="B230" s="5" t="s">
        <v>9</v>
      </c>
      <c r="C230" s="5" t="s">
        <v>652</v>
      </c>
      <c r="D230" s="6" t="s">
        <v>671</v>
      </c>
      <c r="E230" s="5" t="s">
        <v>672</v>
      </c>
      <c r="F230" s="7">
        <v>3250</v>
      </c>
      <c r="G230" s="5" t="s">
        <v>673</v>
      </c>
      <c r="H230" s="6" t="s">
        <v>674</v>
      </c>
      <c r="I230" s="8">
        <v>43768</v>
      </c>
    </row>
    <row r="231" spans="1:9" ht="24" x14ac:dyDescent="0.2">
      <c r="A231" s="4">
        <v>43556</v>
      </c>
      <c r="B231" s="5" t="s">
        <v>9</v>
      </c>
      <c r="C231" s="5" t="s">
        <v>652</v>
      </c>
      <c r="D231" s="6" t="s">
        <v>675</v>
      </c>
      <c r="E231" s="5" t="s">
        <v>676</v>
      </c>
      <c r="F231" s="7">
        <v>8778</v>
      </c>
      <c r="G231" s="5" t="s">
        <v>309</v>
      </c>
      <c r="H231" s="6" t="s">
        <v>310</v>
      </c>
      <c r="I231" s="8">
        <v>43770</v>
      </c>
    </row>
    <row r="232" spans="1:9" ht="24" x14ac:dyDescent="0.2">
      <c r="A232" s="4">
        <v>43556</v>
      </c>
      <c r="B232" s="5" t="s">
        <v>9</v>
      </c>
      <c r="C232" s="5" t="s">
        <v>652</v>
      </c>
      <c r="D232" s="6" t="s">
        <v>677</v>
      </c>
      <c r="E232" s="5" t="s">
        <v>676</v>
      </c>
      <c r="F232" s="7">
        <v>6468</v>
      </c>
      <c r="G232" s="5" t="s">
        <v>309</v>
      </c>
      <c r="H232" s="6" t="s">
        <v>310</v>
      </c>
      <c r="I232" s="8">
        <v>43770</v>
      </c>
    </row>
    <row r="233" spans="1:9" ht="24" x14ac:dyDescent="0.2">
      <c r="A233" s="4">
        <v>43556</v>
      </c>
      <c r="B233" s="5" t="s">
        <v>9</v>
      </c>
      <c r="C233" s="5" t="s">
        <v>652</v>
      </c>
      <c r="D233" s="6" t="s">
        <v>678</v>
      </c>
      <c r="E233" s="5" t="s">
        <v>679</v>
      </c>
      <c r="F233" s="7">
        <v>76725</v>
      </c>
      <c r="G233" s="5" t="s">
        <v>309</v>
      </c>
      <c r="H233" s="6" t="s">
        <v>310</v>
      </c>
      <c r="I233" s="8">
        <v>43781</v>
      </c>
    </row>
    <row r="234" spans="1:9" ht="24" x14ac:dyDescent="0.2">
      <c r="A234" s="4">
        <v>43556</v>
      </c>
      <c r="B234" s="5" t="s">
        <v>9</v>
      </c>
      <c r="C234" s="5" t="s">
        <v>652</v>
      </c>
      <c r="D234" s="6" t="s">
        <v>680</v>
      </c>
      <c r="E234" s="5" t="s">
        <v>449</v>
      </c>
      <c r="F234" s="7">
        <v>6248</v>
      </c>
      <c r="G234" s="5" t="s">
        <v>681</v>
      </c>
      <c r="H234" s="6" t="s">
        <v>179</v>
      </c>
      <c r="I234" s="8">
        <v>43782</v>
      </c>
    </row>
    <row r="235" spans="1:9" ht="24" x14ac:dyDescent="0.2">
      <c r="A235" s="4">
        <v>43556</v>
      </c>
      <c r="B235" s="5" t="s">
        <v>9</v>
      </c>
      <c r="C235" s="5" t="s">
        <v>652</v>
      </c>
      <c r="D235" s="6" t="s">
        <v>682</v>
      </c>
      <c r="E235" s="5" t="s">
        <v>683</v>
      </c>
      <c r="F235" s="7">
        <v>5000</v>
      </c>
      <c r="G235" s="5" t="s">
        <v>670</v>
      </c>
      <c r="H235" s="6" t="s">
        <v>179</v>
      </c>
      <c r="I235" s="8">
        <v>43790</v>
      </c>
    </row>
    <row r="236" spans="1:9" ht="24" x14ac:dyDescent="0.2">
      <c r="A236" s="4">
        <v>43556</v>
      </c>
      <c r="B236" s="5" t="s">
        <v>9</v>
      </c>
      <c r="C236" s="5" t="s">
        <v>652</v>
      </c>
      <c r="D236" s="6" t="s">
        <v>684</v>
      </c>
      <c r="E236" s="5" t="s">
        <v>685</v>
      </c>
      <c r="F236" s="7">
        <v>52800</v>
      </c>
      <c r="G236" s="5" t="s">
        <v>309</v>
      </c>
      <c r="H236" s="6" t="s">
        <v>310</v>
      </c>
      <c r="I236" s="8">
        <v>43790</v>
      </c>
    </row>
    <row r="237" spans="1:9" ht="24" x14ac:dyDescent="0.2">
      <c r="A237" s="4">
        <v>43556</v>
      </c>
      <c r="B237" s="5" t="s">
        <v>9</v>
      </c>
      <c r="C237" s="5" t="s">
        <v>652</v>
      </c>
      <c r="D237" s="6" t="s">
        <v>686</v>
      </c>
      <c r="E237" s="5" t="s">
        <v>687</v>
      </c>
      <c r="F237" s="7">
        <v>48345</v>
      </c>
      <c r="G237" s="5" t="s">
        <v>688</v>
      </c>
      <c r="H237" s="6" t="s">
        <v>689</v>
      </c>
      <c r="I237" s="8">
        <v>43801</v>
      </c>
    </row>
    <row r="238" spans="1:9" ht="24" x14ac:dyDescent="0.2">
      <c r="A238" s="4">
        <v>43556</v>
      </c>
      <c r="B238" s="5" t="s">
        <v>9</v>
      </c>
      <c r="C238" s="5" t="s">
        <v>652</v>
      </c>
      <c r="D238" s="6" t="s">
        <v>690</v>
      </c>
      <c r="E238" s="5" t="s">
        <v>691</v>
      </c>
      <c r="F238" s="7">
        <v>1100</v>
      </c>
      <c r="G238" s="5" t="s">
        <v>655</v>
      </c>
      <c r="H238" s="6" t="s">
        <v>656</v>
      </c>
      <c r="I238" s="8">
        <v>43803</v>
      </c>
    </row>
    <row r="239" spans="1:9" ht="24" x14ac:dyDescent="0.2">
      <c r="A239" s="4">
        <v>43556</v>
      </c>
      <c r="B239" s="5" t="s">
        <v>9</v>
      </c>
      <c r="C239" s="5" t="s">
        <v>652</v>
      </c>
      <c r="D239" s="6" t="s">
        <v>692</v>
      </c>
      <c r="E239" s="5" t="s">
        <v>693</v>
      </c>
      <c r="F239" s="7">
        <v>4950</v>
      </c>
      <c r="G239" s="5" t="s">
        <v>125</v>
      </c>
      <c r="H239" s="6" t="s">
        <v>126</v>
      </c>
      <c r="I239" s="8">
        <v>43803</v>
      </c>
    </row>
    <row r="240" spans="1:9" ht="24" x14ac:dyDescent="0.2">
      <c r="A240" s="4">
        <v>43556</v>
      </c>
      <c r="B240" s="5" t="s">
        <v>9</v>
      </c>
      <c r="C240" s="5" t="s">
        <v>652</v>
      </c>
      <c r="D240" s="6" t="s">
        <v>694</v>
      </c>
      <c r="E240" s="5" t="s">
        <v>449</v>
      </c>
      <c r="F240" s="7">
        <v>3069</v>
      </c>
      <c r="G240" s="5" t="s">
        <v>681</v>
      </c>
      <c r="H240" s="6" t="s">
        <v>179</v>
      </c>
      <c r="I240" s="8">
        <v>43805</v>
      </c>
    </row>
    <row r="241" spans="1:9" ht="24" x14ac:dyDescent="0.2">
      <c r="A241" s="4">
        <v>43556</v>
      </c>
      <c r="B241" s="5" t="s">
        <v>9</v>
      </c>
      <c r="C241" s="5" t="s">
        <v>652</v>
      </c>
      <c r="D241" s="6" t="s">
        <v>695</v>
      </c>
      <c r="E241" s="5" t="s">
        <v>696</v>
      </c>
      <c r="F241" s="7">
        <v>25850</v>
      </c>
      <c r="G241" s="5" t="s">
        <v>309</v>
      </c>
      <c r="H241" s="6" t="s">
        <v>310</v>
      </c>
      <c r="I241" s="8">
        <v>43809</v>
      </c>
    </row>
    <row r="242" spans="1:9" ht="24" x14ac:dyDescent="0.2">
      <c r="A242" s="4">
        <v>43556</v>
      </c>
      <c r="B242" s="5" t="s">
        <v>9</v>
      </c>
      <c r="C242" s="5" t="s">
        <v>652</v>
      </c>
      <c r="D242" s="6" t="s">
        <v>697</v>
      </c>
      <c r="E242" s="5" t="s">
        <v>532</v>
      </c>
      <c r="F242" s="7">
        <v>25027</v>
      </c>
      <c r="G242" s="5" t="s">
        <v>698</v>
      </c>
      <c r="H242" s="6" t="s">
        <v>699</v>
      </c>
      <c r="I242" s="8">
        <v>43812</v>
      </c>
    </row>
    <row r="243" spans="1:9" ht="24" x14ac:dyDescent="0.2">
      <c r="A243" s="4">
        <v>43556</v>
      </c>
      <c r="B243" s="5" t="s">
        <v>9</v>
      </c>
      <c r="C243" s="5" t="s">
        <v>652</v>
      </c>
      <c r="D243" s="6" t="s">
        <v>700</v>
      </c>
      <c r="E243" s="5" t="s">
        <v>701</v>
      </c>
      <c r="F243" s="7">
        <v>48510</v>
      </c>
      <c r="G243" s="5" t="s">
        <v>702</v>
      </c>
      <c r="H243" s="6" t="s">
        <v>36</v>
      </c>
      <c r="I243" s="8">
        <v>43812</v>
      </c>
    </row>
    <row r="244" spans="1:9" ht="24" x14ac:dyDescent="0.2">
      <c r="A244" s="4">
        <v>43556</v>
      </c>
      <c r="B244" s="5" t="s">
        <v>9</v>
      </c>
      <c r="C244" s="5" t="s">
        <v>652</v>
      </c>
      <c r="D244" s="6" t="s">
        <v>703</v>
      </c>
      <c r="E244" s="5" t="s">
        <v>704</v>
      </c>
      <c r="F244" s="7">
        <v>5000</v>
      </c>
      <c r="G244" s="5" t="s">
        <v>670</v>
      </c>
      <c r="H244" s="6" t="s">
        <v>179</v>
      </c>
      <c r="I244" s="8">
        <v>43817</v>
      </c>
    </row>
    <row r="245" spans="1:9" ht="24" x14ac:dyDescent="0.2">
      <c r="A245" s="4">
        <v>43556</v>
      </c>
      <c r="B245" s="5" t="s">
        <v>9</v>
      </c>
      <c r="C245" s="5" t="s">
        <v>652</v>
      </c>
      <c r="D245" s="6" t="s">
        <v>705</v>
      </c>
      <c r="E245" s="5" t="s">
        <v>706</v>
      </c>
      <c r="F245" s="7">
        <v>8605</v>
      </c>
      <c r="G245" s="5" t="s">
        <v>698</v>
      </c>
      <c r="H245" s="6" t="s">
        <v>699</v>
      </c>
      <c r="I245" s="8">
        <v>43819</v>
      </c>
    </row>
    <row r="246" spans="1:9" ht="24" x14ac:dyDescent="0.2">
      <c r="A246" s="4">
        <v>43556</v>
      </c>
      <c r="B246" s="5" t="s">
        <v>9</v>
      </c>
      <c r="C246" s="5" t="s">
        <v>652</v>
      </c>
      <c r="D246" s="6" t="s">
        <v>707</v>
      </c>
      <c r="E246" s="5" t="s">
        <v>679</v>
      </c>
      <c r="F246" s="7">
        <v>82216</v>
      </c>
      <c r="G246" s="5" t="s">
        <v>309</v>
      </c>
      <c r="H246" s="6" t="s">
        <v>310</v>
      </c>
      <c r="I246" s="8">
        <v>43819</v>
      </c>
    </row>
    <row r="247" spans="1:9" ht="24" x14ac:dyDescent="0.2">
      <c r="A247" s="4">
        <v>43556</v>
      </c>
      <c r="B247" s="5" t="s">
        <v>9</v>
      </c>
      <c r="C247" s="5" t="s">
        <v>652</v>
      </c>
      <c r="D247" s="6" t="s">
        <v>708</v>
      </c>
      <c r="E247" s="5" t="s">
        <v>709</v>
      </c>
      <c r="F247" s="7">
        <v>49500</v>
      </c>
      <c r="G247" s="5" t="s">
        <v>702</v>
      </c>
      <c r="H247" s="6" t="s">
        <v>36</v>
      </c>
      <c r="I247" s="8">
        <v>43825</v>
      </c>
    </row>
    <row r="248" spans="1:9" ht="24" x14ac:dyDescent="0.2">
      <c r="A248" s="4">
        <v>43556</v>
      </c>
      <c r="B248" s="5" t="s">
        <v>9</v>
      </c>
      <c r="C248" s="5" t="s">
        <v>652</v>
      </c>
      <c r="D248" s="6" t="s">
        <v>710</v>
      </c>
      <c r="E248" s="5" t="s">
        <v>711</v>
      </c>
      <c r="F248" s="7">
        <v>32915</v>
      </c>
      <c r="G248" s="5" t="s">
        <v>655</v>
      </c>
      <c r="H248" s="6" t="s">
        <v>656</v>
      </c>
      <c r="I248" s="8">
        <v>43825</v>
      </c>
    </row>
    <row r="249" spans="1:9" ht="24" x14ac:dyDescent="0.2">
      <c r="A249" s="4">
        <v>43556</v>
      </c>
      <c r="B249" s="5" t="s">
        <v>9</v>
      </c>
      <c r="C249" s="5" t="s">
        <v>652</v>
      </c>
      <c r="D249" s="6" t="s">
        <v>712</v>
      </c>
      <c r="E249" s="5" t="s">
        <v>713</v>
      </c>
      <c r="F249" s="7">
        <v>13530</v>
      </c>
      <c r="G249" s="5" t="s">
        <v>714</v>
      </c>
      <c r="H249" s="6" t="s">
        <v>715</v>
      </c>
      <c r="I249" s="8">
        <v>43825</v>
      </c>
    </row>
    <row r="250" spans="1:9" ht="24" x14ac:dyDescent="0.2">
      <c r="A250" s="4">
        <v>43556</v>
      </c>
      <c r="B250" s="5" t="s">
        <v>9</v>
      </c>
      <c r="C250" s="5" t="s">
        <v>652</v>
      </c>
      <c r="D250" s="6" t="s">
        <v>716</v>
      </c>
      <c r="E250" s="5" t="s">
        <v>687</v>
      </c>
      <c r="F250" s="7">
        <v>48345</v>
      </c>
      <c r="G250" s="5" t="s">
        <v>688</v>
      </c>
      <c r="H250" s="6" t="s">
        <v>689</v>
      </c>
      <c r="I250" s="8">
        <v>43826</v>
      </c>
    </row>
    <row r="251" spans="1:9" ht="24" x14ac:dyDescent="0.2">
      <c r="A251" s="4">
        <v>43556</v>
      </c>
      <c r="B251" s="5" t="s">
        <v>9</v>
      </c>
      <c r="C251" s="5" t="s">
        <v>717</v>
      </c>
      <c r="D251" s="6" t="s">
        <v>718</v>
      </c>
      <c r="E251" s="5" t="s">
        <v>719</v>
      </c>
      <c r="F251" s="7">
        <v>3889</v>
      </c>
      <c r="G251" s="5" t="s">
        <v>720</v>
      </c>
      <c r="H251" s="6" t="s">
        <v>336</v>
      </c>
      <c r="I251" s="8">
        <v>43781</v>
      </c>
    </row>
    <row r="252" spans="1:9" ht="24" x14ac:dyDescent="0.2">
      <c r="A252" s="4">
        <v>43556</v>
      </c>
      <c r="B252" s="5" t="s">
        <v>9</v>
      </c>
      <c r="C252" s="5" t="s">
        <v>717</v>
      </c>
      <c r="D252" s="6" t="s">
        <v>721</v>
      </c>
      <c r="E252" s="5" t="s">
        <v>571</v>
      </c>
      <c r="F252" s="7">
        <v>41454</v>
      </c>
      <c r="G252" s="5" t="s">
        <v>722</v>
      </c>
      <c r="H252" s="6" t="s">
        <v>179</v>
      </c>
      <c r="I252" s="8">
        <v>43783</v>
      </c>
    </row>
    <row r="253" spans="1:9" ht="24" x14ac:dyDescent="0.2">
      <c r="A253" s="4">
        <v>43556</v>
      </c>
      <c r="B253" s="5" t="s">
        <v>9</v>
      </c>
      <c r="C253" s="5" t="s">
        <v>717</v>
      </c>
      <c r="D253" s="6" t="s">
        <v>723</v>
      </c>
      <c r="E253" s="5" t="s">
        <v>724</v>
      </c>
      <c r="F253" s="7">
        <v>21340</v>
      </c>
      <c r="G253" s="5" t="s">
        <v>725</v>
      </c>
      <c r="H253" s="6" t="s">
        <v>36</v>
      </c>
      <c r="I253" s="8">
        <v>43802</v>
      </c>
    </row>
    <row r="254" spans="1:9" ht="24" x14ac:dyDescent="0.2">
      <c r="A254" s="4">
        <v>43556</v>
      </c>
      <c r="B254" s="5" t="s">
        <v>9</v>
      </c>
      <c r="C254" s="5" t="s">
        <v>717</v>
      </c>
      <c r="D254" s="6" t="s">
        <v>726</v>
      </c>
      <c r="E254" s="5" t="s">
        <v>724</v>
      </c>
      <c r="F254" s="7">
        <v>24000</v>
      </c>
      <c r="G254" s="5" t="s">
        <v>727</v>
      </c>
      <c r="H254" s="6" t="s">
        <v>728</v>
      </c>
      <c r="I254" s="8">
        <v>43802</v>
      </c>
    </row>
    <row r="255" spans="1:9" ht="24" x14ac:dyDescent="0.2">
      <c r="A255" s="4">
        <v>43556</v>
      </c>
      <c r="B255" s="5" t="s">
        <v>9</v>
      </c>
      <c r="C255" s="5" t="s">
        <v>717</v>
      </c>
      <c r="D255" s="6" t="s">
        <v>729</v>
      </c>
      <c r="E255" s="5" t="s">
        <v>724</v>
      </c>
      <c r="F255" s="7">
        <v>12606</v>
      </c>
      <c r="G255" s="5" t="s">
        <v>730</v>
      </c>
      <c r="H255" s="6" t="s">
        <v>731</v>
      </c>
      <c r="I255" s="8">
        <v>43816</v>
      </c>
    </row>
    <row r="256" spans="1:9" ht="24" x14ac:dyDescent="0.2">
      <c r="A256" s="4">
        <v>43556</v>
      </c>
      <c r="B256" s="5" t="s">
        <v>9</v>
      </c>
      <c r="C256" s="5" t="s">
        <v>717</v>
      </c>
      <c r="D256" s="6" t="s">
        <v>732</v>
      </c>
      <c r="E256" s="5" t="s">
        <v>724</v>
      </c>
      <c r="F256" s="7">
        <v>105930</v>
      </c>
      <c r="G256" s="5" t="s">
        <v>13</v>
      </c>
      <c r="H256" s="6" t="s">
        <v>14</v>
      </c>
      <c r="I256" s="8">
        <v>43818</v>
      </c>
    </row>
    <row r="257" spans="1:9" ht="24" x14ac:dyDescent="0.2">
      <c r="A257" s="4">
        <v>43556</v>
      </c>
      <c r="B257" s="5" t="s">
        <v>9</v>
      </c>
      <c r="C257" s="5" t="s">
        <v>733</v>
      </c>
      <c r="D257" s="6" t="s">
        <v>734</v>
      </c>
      <c r="E257" s="5" t="s">
        <v>679</v>
      </c>
      <c r="F257" s="7">
        <v>52488</v>
      </c>
      <c r="G257" s="5" t="s">
        <v>735</v>
      </c>
      <c r="H257" s="6" t="s">
        <v>618</v>
      </c>
      <c r="I257" s="8">
        <v>43740</v>
      </c>
    </row>
    <row r="258" spans="1:9" ht="24" x14ac:dyDescent="0.2">
      <c r="A258" s="4">
        <v>43556</v>
      </c>
      <c r="B258" s="5" t="s">
        <v>9</v>
      </c>
      <c r="C258" s="5" t="s">
        <v>733</v>
      </c>
      <c r="D258" s="6" t="s">
        <v>736</v>
      </c>
      <c r="E258" s="5" t="s">
        <v>737</v>
      </c>
      <c r="F258" s="7">
        <v>33257</v>
      </c>
      <c r="G258" s="5" t="s">
        <v>738</v>
      </c>
      <c r="H258" s="6" t="s">
        <v>739</v>
      </c>
      <c r="I258" s="8">
        <v>43745</v>
      </c>
    </row>
    <row r="259" spans="1:9" ht="24" x14ac:dyDescent="0.2">
      <c r="A259" s="4">
        <v>43556</v>
      </c>
      <c r="B259" s="5" t="s">
        <v>9</v>
      </c>
      <c r="C259" s="5" t="s">
        <v>733</v>
      </c>
      <c r="D259" s="6" t="s">
        <v>740</v>
      </c>
      <c r="E259" s="5" t="s">
        <v>741</v>
      </c>
      <c r="F259" s="7">
        <v>4290</v>
      </c>
      <c r="G259" s="5" t="s">
        <v>742</v>
      </c>
      <c r="H259" s="6" t="s">
        <v>743</v>
      </c>
      <c r="I259" s="8">
        <v>43754</v>
      </c>
    </row>
    <row r="260" spans="1:9" ht="24" x14ac:dyDescent="0.2">
      <c r="A260" s="4">
        <v>43556</v>
      </c>
      <c r="B260" s="5" t="s">
        <v>9</v>
      </c>
      <c r="C260" s="5" t="s">
        <v>733</v>
      </c>
      <c r="D260" s="6" t="s">
        <v>744</v>
      </c>
      <c r="E260" s="5" t="s">
        <v>745</v>
      </c>
      <c r="F260" s="7">
        <v>5500</v>
      </c>
      <c r="G260" s="5" t="s">
        <v>746</v>
      </c>
      <c r="H260" s="6" t="s">
        <v>747</v>
      </c>
      <c r="I260" s="8">
        <v>43754</v>
      </c>
    </row>
    <row r="261" spans="1:9" ht="24" x14ac:dyDescent="0.2">
      <c r="A261" s="4">
        <v>43556</v>
      </c>
      <c r="B261" s="5" t="s">
        <v>9</v>
      </c>
      <c r="C261" s="5" t="s">
        <v>733</v>
      </c>
      <c r="D261" s="6" t="s">
        <v>748</v>
      </c>
      <c r="E261" s="5" t="s">
        <v>749</v>
      </c>
      <c r="F261" s="7">
        <v>22154</v>
      </c>
      <c r="G261" s="5" t="s">
        <v>738</v>
      </c>
      <c r="H261" s="6" t="s">
        <v>739</v>
      </c>
      <c r="I261" s="8">
        <v>43759</v>
      </c>
    </row>
    <row r="262" spans="1:9" ht="24" x14ac:dyDescent="0.2">
      <c r="A262" s="4">
        <v>43556</v>
      </c>
      <c r="B262" s="5" t="s">
        <v>9</v>
      </c>
      <c r="C262" s="5" t="s">
        <v>733</v>
      </c>
      <c r="D262" s="6" t="s">
        <v>750</v>
      </c>
      <c r="E262" s="5" t="s">
        <v>751</v>
      </c>
      <c r="F262" s="7">
        <v>5960</v>
      </c>
      <c r="G262" s="5" t="s">
        <v>752</v>
      </c>
      <c r="H262" s="6" t="s">
        <v>753</v>
      </c>
      <c r="I262" s="8">
        <v>43759</v>
      </c>
    </row>
    <row r="263" spans="1:9" ht="24" x14ac:dyDescent="0.2">
      <c r="A263" s="4">
        <v>43556</v>
      </c>
      <c r="B263" s="5" t="s">
        <v>9</v>
      </c>
      <c r="C263" s="5" t="s">
        <v>733</v>
      </c>
      <c r="D263" s="6" t="s">
        <v>754</v>
      </c>
      <c r="E263" s="5" t="s">
        <v>755</v>
      </c>
      <c r="F263" s="7">
        <v>1600</v>
      </c>
      <c r="G263" s="5" t="s">
        <v>756</v>
      </c>
      <c r="H263" s="6" t="s">
        <v>757</v>
      </c>
      <c r="I263" s="8">
        <v>43762</v>
      </c>
    </row>
    <row r="264" spans="1:9" ht="24" x14ac:dyDescent="0.2">
      <c r="A264" s="4">
        <v>43556</v>
      </c>
      <c r="B264" s="5" t="s">
        <v>9</v>
      </c>
      <c r="C264" s="5" t="s">
        <v>733</v>
      </c>
      <c r="D264" s="6" t="s">
        <v>758</v>
      </c>
      <c r="E264" s="5" t="s">
        <v>759</v>
      </c>
      <c r="F264" s="7">
        <v>9350</v>
      </c>
      <c r="G264" s="5" t="s">
        <v>760</v>
      </c>
      <c r="H264" s="6" t="s">
        <v>761</v>
      </c>
      <c r="I264" s="8">
        <v>43767</v>
      </c>
    </row>
    <row r="265" spans="1:9" ht="24" x14ac:dyDescent="0.2">
      <c r="A265" s="4">
        <v>43556</v>
      </c>
      <c r="B265" s="5" t="s">
        <v>9</v>
      </c>
      <c r="C265" s="5" t="s">
        <v>733</v>
      </c>
      <c r="D265" s="6" t="s">
        <v>762</v>
      </c>
      <c r="E265" s="5" t="s">
        <v>763</v>
      </c>
      <c r="F265" s="7">
        <v>4400</v>
      </c>
      <c r="G265" s="5" t="s">
        <v>764</v>
      </c>
      <c r="H265" s="6" t="s">
        <v>765</v>
      </c>
      <c r="I265" s="8">
        <v>43774</v>
      </c>
    </row>
    <row r="266" spans="1:9" ht="24" x14ac:dyDescent="0.2">
      <c r="A266" s="4">
        <v>43556</v>
      </c>
      <c r="B266" s="5" t="s">
        <v>9</v>
      </c>
      <c r="C266" s="5" t="s">
        <v>733</v>
      </c>
      <c r="D266" s="6" t="s">
        <v>766</v>
      </c>
      <c r="E266" s="5" t="s">
        <v>767</v>
      </c>
      <c r="F266" s="7">
        <v>454</v>
      </c>
      <c r="G266" s="5" t="s">
        <v>768</v>
      </c>
      <c r="H266" s="6" t="s">
        <v>179</v>
      </c>
      <c r="I266" s="8">
        <v>43774</v>
      </c>
    </row>
    <row r="267" spans="1:9" ht="24" x14ac:dyDescent="0.2">
      <c r="A267" s="4">
        <v>43556</v>
      </c>
      <c r="B267" s="5" t="s">
        <v>9</v>
      </c>
      <c r="C267" s="5" t="s">
        <v>733</v>
      </c>
      <c r="D267" s="6" t="s">
        <v>769</v>
      </c>
      <c r="E267" s="5" t="s">
        <v>770</v>
      </c>
      <c r="F267" s="7">
        <v>3300</v>
      </c>
      <c r="G267" s="5" t="s">
        <v>771</v>
      </c>
      <c r="H267" s="6" t="s">
        <v>772</v>
      </c>
      <c r="I267" s="8">
        <v>43776</v>
      </c>
    </row>
    <row r="268" spans="1:9" ht="24" x14ac:dyDescent="0.2">
      <c r="A268" s="4">
        <v>43556</v>
      </c>
      <c r="B268" s="5" t="s">
        <v>9</v>
      </c>
      <c r="C268" s="5" t="s">
        <v>733</v>
      </c>
      <c r="D268" s="6" t="s">
        <v>773</v>
      </c>
      <c r="E268" s="5" t="s">
        <v>774</v>
      </c>
      <c r="F268" s="7">
        <v>5665</v>
      </c>
      <c r="G268" s="5" t="s">
        <v>742</v>
      </c>
      <c r="H268" s="6" t="s">
        <v>743</v>
      </c>
      <c r="I268" s="8">
        <v>43776</v>
      </c>
    </row>
    <row r="269" spans="1:9" ht="24" x14ac:dyDescent="0.2">
      <c r="A269" s="4">
        <v>43556</v>
      </c>
      <c r="B269" s="5" t="s">
        <v>9</v>
      </c>
      <c r="C269" s="5" t="s">
        <v>733</v>
      </c>
      <c r="D269" s="6" t="s">
        <v>775</v>
      </c>
      <c r="E269" s="5" t="s">
        <v>776</v>
      </c>
      <c r="F269" s="7">
        <v>880</v>
      </c>
      <c r="G269" s="5" t="s">
        <v>768</v>
      </c>
      <c r="H269" s="6" t="s">
        <v>179</v>
      </c>
      <c r="I269" s="8">
        <v>43782</v>
      </c>
    </row>
    <row r="270" spans="1:9" ht="24" x14ac:dyDescent="0.2">
      <c r="A270" s="4">
        <v>43556</v>
      </c>
      <c r="B270" s="5" t="s">
        <v>9</v>
      </c>
      <c r="C270" s="5" t="s">
        <v>733</v>
      </c>
      <c r="D270" s="6" t="s">
        <v>777</v>
      </c>
      <c r="E270" s="5" t="s">
        <v>778</v>
      </c>
      <c r="F270" s="7">
        <v>37950</v>
      </c>
      <c r="G270" s="5" t="s">
        <v>742</v>
      </c>
      <c r="H270" s="6" t="s">
        <v>743</v>
      </c>
      <c r="I270" s="8">
        <v>43788</v>
      </c>
    </row>
    <row r="271" spans="1:9" ht="24" x14ac:dyDescent="0.2">
      <c r="A271" s="4">
        <v>43556</v>
      </c>
      <c r="B271" s="5" t="s">
        <v>9</v>
      </c>
      <c r="C271" s="5" t="s">
        <v>733</v>
      </c>
      <c r="D271" s="6" t="s">
        <v>779</v>
      </c>
      <c r="E271" s="5" t="s">
        <v>780</v>
      </c>
      <c r="F271" s="7">
        <v>6864</v>
      </c>
      <c r="G271" s="5" t="s">
        <v>781</v>
      </c>
      <c r="H271" s="6" t="s">
        <v>304</v>
      </c>
      <c r="I271" s="8">
        <v>43788</v>
      </c>
    </row>
    <row r="272" spans="1:9" ht="24" x14ac:dyDescent="0.2">
      <c r="A272" s="4">
        <v>43556</v>
      </c>
      <c r="B272" s="5" t="s">
        <v>9</v>
      </c>
      <c r="C272" s="5" t="s">
        <v>733</v>
      </c>
      <c r="D272" s="6" t="s">
        <v>782</v>
      </c>
      <c r="E272" s="5" t="s">
        <v>783</v>
      </c>
      <c r="F272" s="7">
        <v>24590</v>
      </c>
      <c r="G272" s="5" t="s">
        <v>738</v>
      </c>
      <c r="H272" s="6" t="s">
        <v>739</v>
      </c>
      <c r="I272" s="8">
        <v>43794</v>
      </c>
    </row>
    <row r="273" spans="1:9" ht="24" x14ac:dyDescent="0.2">
      <c r="A273" s="4">
        <v>43556</v>
      </c>
      <c r="B273" s="5" t="s">
        <v>9</v>
      </c>
      <c r="C273" s="5" t="s">
        <v>733</v>
      </c>
      <c r="D273" s="6" t="s">
        <v>784</v>
      </c>
      <c r="E273" s="5" t="s">
        <v>785</v>
      </c>
      <c r="F273" s="7">
        <v>1195</v>
      </c>
      <c r="G273" s="5" t="s">
        <v>786</v>
      </c>
      <c r="H273" s="6" t="s">
        <v>787</v>
      </c>
      <c r="I273" s="8">
        <v>43794</v>
      </c>
    </row>
    <row r="274" spans="1:9" ht="24" x14ac:dyDescent="0.2">
      <c r="A274" s="4">
        <v>43556</v>
      </c>
      <c r="B274" s="5" t="s">
        <v>9</v>
      </c>
      <c r="C274" s="5" t="s">
        <v>733</v>
      </c>
      <c r="D274" s="6" t="s">
        <v>788</v>
      </c>
      <c r="E274" s="5" t="s">
        <v>789</v>
      </c>
      <c r="F274" s="7">
        <v>21481</v>
      </c>
      <c r="G274" s="5" t="s">
        <v>760</v>
      </c>
      <c r="H274" s="6" t="s">
        <v>761</v>
      </c>
      <c r="I274" s="8">
        <v>43795</v>
      </c>
    </row>
    <row r="275" spans="1:9" ht="24" x14ac:dyDescent="0.2">
      <c r="A275" s="4">
        <v>43556</v>
      </c>
      <c r="B275" s="5" t="s">
        <v>9</v>
      </c>
      <c r="C275" s="5" t="s">
        <v>733</v>
      </c>
      <c r="D275" s="6" t="s">
        <v>790</v>
      </c>
      <c r="E275" s="5" t="s">
        <v>791</v>
      </c>
      <c r="F275" s="7">
        <v>2951</v>
      </c>
      <c r="G275" s="5" t="s">
        <v>768</v>
      </c>
      <c r="H275" s="6" t="s">
        <v>179</v>
      </c>
      <c r="I275" s="8">
        <v>43801</v>
      </c>
    </row>
    <row r="276" spans="1:9" ht="24" x14ac:dyDescent="0.2">
      <c r="A276" s="4">
        <v>43556</v>
      </c>
      <c r="B276" s="5" t="s">
        <v>9</v>
      </c>
      <c r="C276" s="5" t="s">
        <v>733</v>
      </c>
      <c r="D276" s="6" t="s">
        <v>792</v>
      </c>
      <c r="E276" s="5" t="s">
        <v>793</v>
      </c>
      <c r="F276" s="7">
        <v>5280</v>
      </c>
      <c r="G276" s="5" t="s">
        <v>752</v>
      </c>
      <c r="H276" s="6" t="s">
        <v>753</v>
      </c>
      <c r="I276" s="8">
        <v>43804</v>
      </c>
    </row>
    <row r="277" spans="1:9" ht="24" x14ac:dyDescent="0.2">
      <c r="A277" s="4">
        <v>43556</v>
      </c>
      <c r="B277" s="5" t="s">
        <v>9</v>
      </c>
      <c r="C277" s="5" t="s">
        <v>733</v>
      </c>
      <c r="D277" s="6" t="s">
        <v>794</v>
      </c>
      <c r="E277" s="5" t="s">
        <v>795</v>
      </c>
      <c r="F277" s="7">
        <v>5610</v>
      </c>
      <c r="G277" s="5" t="s">
        <v>796</v>
      </c>
      <c r="H277" s="6" t="s">
        <v>797</v>
      </c>
      <c r="I277" s="8">
        <v>43809</v>
      </c>
    </row>
    <row r="278" spans="1:9" ht="24" x14ac:dyDescent="0.2">
      <c r="A278" s="4">
        <v>43556</v>
      </c>
      <c r="B278" s="5" t="s">
        <v>9</v>
      </c>
      <c r="C278" s="5" t="s">
        <v>733</v>
      </c>
      <c r="D278" s="6" t="s">
        <v>798</v>
      </c>
      <c r="E278" s="5" t="s">
        <v>799</v>
      </c>
      <c r="F278" s="7">
        <v>6802</v>
      </c>
      <c r="G278" s="5" t="s">
        <v>533</v>
      </c>
      <c r="H278" s="6" t="s">
        <v>534</v>
      </c>
      <c r="I278" s="8">
        <v>43810</v>
      </c>
    </row>
    <row r="279" spans="1:9" ht="24" x14ac:dyDescent="0.2">
      <c r="A279" s="4">
        <v>43556</v>
      </c>
      <c r="B279" s="5" t="s">
        <v>9</v>
      </c>
      <c r="C279" s="5" t="s">
        <v>733</v>
      </c>
      <c r="D279" s="6" t="s">
        <v>800</v>
      </c>
      <c r="E279" s="5" t="s">
        <v>801</v>
      </c>
      <c r="F279" s="7">
        <v>18040</v>
      </c>
      <c r="G279" s="5" t="s">
        <v>742</v>
      </c>
      <c r="H279" s="6" t="s">
        <v>743</v>
      </c>
      <c r="I279" s="8">
        <v>43810</v>
      </c>
    </row>
    <row r="280" spans="1:9" ht="24" x14ac:dyDescent="0.2">
      <c r="A280" s="4">
        <v>43556</v>
      </c>
      <c r="B280" s="5" t="s">
        <v>9</v>
      </c>
      <c r="C280" s="5" t="s">
        <v>733</v>
      </c>
      <c r="D280" s="6" t="s">
        <v>802</v>
      </c>
      <c r="E280" s="5" t="s">
        <v>803</v>
      </c>
      <c r="F280" s="7">
        <v>9988</v>
      </c>
      <c r="G280" s="5" t="s">
        <v>781</v>
      </c>
      <c r="H280" s="6" t="s">
        <v>304</v>
      </c>
      <c r="I280" s="8">
        <v>43810</v>
      </c>
    </row>
    <row r="281" spans="1:9" ht="24" x14ac:dyDescent="0.2">
      <c r="A281" s="4">
        <v>43556</v>
      </c>
      <c r="B281" s="5" t="s">
        <v>9</v>
      </c>
      <c r="C281" s="5" t="s">
        <v>733</v>
      </c>
      <c r="D281" s="6" t="s">
        <v>804</v>
      </c>
      <c r="E281" s="5" t="s">
        <v>805</v>
      </c>
      <c r="F281" s="7">
        <v>2398</v>
      </c>
      <c r="G281" s="5" t="s">
        <v>742</v>
      </c>
      <c r="H281" s="6" t="s">
        <v>743</v>
      </c>
      <c r="I281" s="8">
        <v>43816</v>
      </c>
    </row>
    <row r="282" spans="1:9" ht="24" x14ac:dyDescent="0.2">
      <c r="A282" s="4">
        <v>43556</v>
      </c>
      <c r="B282" s="5" t="s">
        <v>9</v>
      </c>
      <c r="C282" s="5" t="s">
        <v>733</v>
      </c>
      <c r="D282" s="6" t="s">
        <v>806</v>
      </c>
      <c r="E282" s="5" t="s">
        <v>807</v>
      </c>
      <c r="F282" s="7">
        <v>28160</v>
      </c>
      <c r="G282" s="5" t="s">
        <v>760</v>
      </c>
      <c r="H282" s="6" t="s">
        <v>761</v>
      </c>
      <c r="I282" s="8">
        <v>43816</v>
      </c>
    </row>
    <row r="283" spans="1:9" ht="24" x14ac:dyDescent="0.2">
      <c r="A283" s="4">
        <v>43556</v>
      </c>
      <c r="B283" s="5" t="s">
        <v>9</v>
      </c>
      <c r="C283" s="5" t="s">
        <v>733</v>
      </c>
      <c r="D283" s="6" t="s">
        <v>808</v>
      </c>
      <c r="E283" s="5" t="s">
        <v>809</v>
      </c>
      <c r="F283" s="7">
        <v>118800</v>
      </c>
      <c r="G283" s="5" t="s">
        <v>760</v>
      </c>
      <c r="H283" s="6" t="s">
        <v>761</v>
      </c>
      <c r="I283" s="8">
        <v>43819</v>
      </c>
    </row>
    <row r="284" spans="1:9" ht="24" x14ac:dyDescent="0.2">
      <c r="A284" s="4">
        <v>43556</v>
      </c>
      <c r="B284" s="5" t="s">
        <v>9</v>
      </c>
      <c r="C284" s="5" t="s">
        <v>733</v>
      </c>
      <c r="D284" s="6" t="s">
        <v>810</v>
      </c>
      <c r="E284" s="5" t="s">
        <v>811</v>
      </c>
      <c r="F284" s="7">
        <v>46000</v>
      </c>
      <c r="G284" s="5" t="s">
        <v>812</v>
      </c>
      <c r="H284" s="6" t="s">
        <v>179</v>
      </c>
      <c r="I284" s="8">
        <v>43825</v>
      </c>
    </row>
    <row r="285" spans="1:9" ht="24" x14ac:dyDescent="0.2">
      <c r="A285" s="4">
        <v>43556</v>
      </c>
      <c r="B285" s="5" t="s">
        <v>9</v>
      </c>
      <c r="C285" s="5" t="s">
        <v>813</v>
      </c>
      <c r="D285" s="6" t="s">
        <v>814</v>
      </c>
      <c r="E285" s="5" t="s">
        <v>815</v>
      </c>
      <c r="F285" s="7">
        <v>48048</v>
      </c>
      <c r="G285" s="5" t="s">
        <v>195</v>
      </c>
      <c r="H285" s="6" t="s">
        <v>196</v>
      </c>
      <c r="I285" s="8">
        <v>43739</v>
      </c>
    </row>
    <row r="286" spans="1:9" ht="24" x14ac:dyDescent="0.2">
      <c r="A286" s="4">
        <v>43556</v>
      </c>
      <c r="B286" s="5" t="s">
        <v>9</v>
      </c>
      <c r="C286" s="5" t="s">
        <v>813</v>
      </c>
      <c r="D286" s="6" t="s">
        <v>816</v>
      </c>
      <c r="E286" s="5" t="s">
        <v>817</v>
      </c>
      <c r="F286" s="7">
        <v>21678</v>
      </c>
      <c r="G286" s="5" t="s">
        <v>818</v>
      </c>
      <c r="H286" s="6" t="s">
        <v>819</v>
      </c>
      <c r="I286" s="8">
        <v>43739</v>
      </c>
    </row>
    <row r="287" spans="1:9" ht="24" x14ac:dyDescent="0.2">
      <c r="A287" s="4">
        <v>43556</v>
      </c>
      <c r="B287" s="5" t="s">
        <v>9</v>
      </c>
      <c r="C287" s="5" t="s">
        <v>813</v>
      </c>
      <c r="D287" s="6" t="s">
        <v>820</v>
      </c>
      <c r="E287" s="5" t="s">
        <v>817</v>
      </c>
      <c r="F287" s="7">
        <v>13200</v>
      </c>
      <c r="G287" s="5" t="s">
        <v>821</v>
      </c>
      <c r="H287" s="6" t="s">
        <v>179</v>
      </c>
      <c r="I287" s="8">
        <v>43739</v>
      </c>
    </row>
    <row r="288" spans="1:9" ht="24" x14ac:dyDescent="0.2">
      <c r="A288" s="4">
        <v>43556</v>
      </c>
      <c r="B288" s="5" t="s">
        <v>9</v>
      </c>
      <c r="C288" s="5" t="s">
        <v>813</v>
      </c>
      <c r="D288" s="6" t="s">
        <v>822</v>
      </c>
      <c r="E288" s="5" t="s">
        <v>823</v>
      </c>
      <c r="F288" s="7">
        <v>2640</v>
      </c>
      <c r="G288" s="5" t="s">
        <v>824</v>
      </c>
      <c r="H288" s="6" t="s">
        <v>825</v>
      </c>
      <c r="I288" s="8">
        <v>43739</v>
      </c>
    </row>
    <row r="289" spans="1:9" ht="24" x14ac:dyDescent="0.2">
      <c r="A289" s="4">
        <v>43556</v>
      </c>
      <c r="B289" s="5" t="s">
        <v>9</v>
      </c>
      <c r="C289" s="5" t="s">
        <v>813</v>
      </c>
      <c r="D289" s="6" t="s">
        <v>826</v>
      </c>
      <c r="E289" s="5" t="s">
        <v>827</v>
      </c>
      <c r="F289" s="7">
        <v>13530</v>
      </c>
      <c r="G289" s="5" t="s">
        <v>714</v>
      </c>
      <c r="H289" s="6" t="s">
        <v>715</v>
      </c>
      <c r="I289" s="8">
        <v>43742</v>
      </c>
    </row>
    <row r="290" spans="1:9" ht="24" x14ac:dyDescent="0.2">
      <c r="A290" s="4">
        <v>43556</v>
      </c>
      <c r="B290" s="5" t="s">
        <v>9</v>
      </c>
      <c r="C290" s="5" t="s">
        <v>813</v>
      </c>
      <c r="D290" s="6" t="s">
        <v>828</v>
      </c>
      <c r="E290" s="5" t="s">
        <v>829</v>
      </c>
      <c r="F290" s="7">
        <v>22717</v>
      </c>
      <c r="G290" s="5" t="s">
        <v>830</v>
      </c>
      <c r="H290" s="6" t="s">
        <v>831</v>
      </c>
      <c r="I290" s="8">
        <v>43742</v>
      </c>
    </row>
    <row r="291" spans="1:9" ht="24" x14ac:dyDescent="0.2">
      <c r="A291" s="4">
        <v>43556</v>
      </c>
      <c r="B291" s="5" t="s">
        <v>9</v>
      </c>
      <c r="C291" s="5" t="s">
        <v>813</v>
      </c>
      <c r="D291" s="6" t="s">
        <v>832</v>
      </c>
      <c r="E291" s="5" t="s">
        <v>833</v>
      </c>
      <c r="F291" s="7">
        <v>66924</v>
      </c>
      <c r="G291" s="5" t="s">
        <v>533</v>
      </c>
      <c r="H291" s="6" t="s">
        <v>534</v>
      </c>
      <c r="I291" s="8">
        <v>43742</v>
      </c>
    </row>
    <row r="292" spans="1:9" ht="24" x14ac:dyDescent="0.2">
      <c r="A292" s="4">
        <v>43556</v>
      </c>
      <c r="B292" s="5" t="s">
        <v>9</v>
      </c>
      <c r="C292" s="5" t="s">
        <v>813</v>
      </c>
      <c r="D292" s="6" t="s">
        <v>834</v>
      </c>
      <c r="E292" s="5" t="s">
        <v>25</v>
      </c>
      <c r="F292" s="7">
        <v>40746</v>
      </c>
      <c r="G292" s="5" t="s">
        <v>71</v>
      </c>
      <c r="H292" s="6" t="s">
        <v>72</v>
      </c>
      <c r="I292" s="8">
        <v>43742</v>
      </c>
    </row>
    <row r="293" spans="1:9" ht="24" x14ac:dyDescent="0.2">
      <c r="A293" s="4">
        <v>43556</v>
      </c>
      <c r="B293" s="5" t="s">
        <v>9</v>
      </c>
      <c r="C293" s="5" t="s">
        <v>813</v>
      </c>
      <c r="D293" s="6" t="s">
        <v>835</v>
      </c>
      <c r="E293" s="5" t="s">
        <v>836</v>
      </c>
      <c r="F293" s="7">
        <v>20999</v>
      </c>
      <c r="G293" s="5" t="s">
        <v>824</v>
      </c>
      <c r="H293" s="6" t="s">
        <v>825</v>
      </c>
      <c r="I293" s="8">
        <v>43749</v>
      </c>
    </row>
    <row r="294" spans="1:9" ht="24" x14ac:dyDescent="0.2">
      <c r="A294" s="4">
        <v>43556</v>
      </c>
      <c r="B294" s="5" t="s">
        <v>9</v>
      </c>
      <c r="C294" s="5" t="s">
        <v>813</v>
      </c>
      <c r="D294" s="6" t="s">
        <v>837</v>
      </c>
      <c r="E294" s="5" t="s">
        <v>838</v>
      </c>
      <c r="F294" s="7">
        <v>47080</v>
      </c>
      <c r="G294" s="5" t="s">
        <v>13</v>
      </c>
      <c r="H294" s="6" t="s">
        <v>14</v>
      </c>
      <c r="I294" s="8">
        <v>43759</v>
      </c>
    </row>
    <row r="295" spans="1:9" ht="24" x14ac:dyDescent="0.2">
      <c r="A295" s="4">
        <v>43556</v>
      </c>
      <c r="B295" s="5" t="s">
        <v>9</v>
      </c>
      <c r="C295" s="5" t="s">
        <v>813</v>
      </c>
      <c r="D295" s="6" t="s">
        <v>839</v>
      </c>
      <c r="E295" s="5" t="s">
        <v>840</v>
      </c>
      <c r="F295" s="7">
        <v>29678</v>
      </c>
      <c r="G295" s="5" t="s">
        <v>71</v>
      </c>
      <c r="H295" s="6" t="s">
        <v>72</v>
      </c>
      <c r="I295" s="8">
        <v>43759</v>
      </c>
    </row>
    <row r="296" spans="1:9" ht="24" x14ac:dyDescent="0.2">
      <c r="A296" s="4">
        <v>43556</v>
      </c>
      <c r="B296" s="5" t="s">
        <v>9</v>
      </c>
      <c r="C296" s="5" t="s">
        <v>813</v>
      </c>
      <c r="D296" s="6" t="s">
        <v>841</v>
      </c>
      <c r="E296" s="5" t="s">
        <v>842</v>
      </c>
      <c r="F296" s="7">
        <v>9603</v>
      </c>
      <c r="G296" s="5" t="s">
        <v>843</v>
      </c>
      <c r="H296" s="6" t="s">
        <v>844</v>
      </c>
      <c r="I296" s="8">
        <v>43759</v>
      </c>
    </row>
    <row r="297" spans="1:9" ht="24" x14ac:dyDescent="0.2">
      <c r="A297" s="4">
        <v>43556</v>
      </c>
      <c r="B297" s="5" t="s">
        <v>9</v>
      </c>
      <c r="C297" s="5" t="s">
        <v>813</v>
      </c>
      <c r="D297" s="6" t="s">
        <v>845</v>
      </c>
      <c r="E297" s="5" t="s">
        <v>846</v>
      </c>
      <c r="F297" s="7">
        <v>21008</v>
      </c>
      <c r="G297" s="5" t="s">
        <v>830</v>
      </c>
      <c r="H297" s="6" t="s">
        <v>831</v>
      </c>
      <c r="I297" s="8">
        <v>43777</v>
      </c>
    </row>
    <row r="298" spans="1:9" ht="24" x14ac:dyDescent="0.2">
      <c r="A298" s="4">
        <v>43556</v>
      </c>
      <c r="B298" s="5" t="s">
        <v>9</v>
      </c>
      <c r="C298" s="5" t="s">
        <v>813</v>
      </c>
      <c r="D298" s="6" t="s">
        <v>847</v>
      </c>
      <c r="E298" s="5" t="s">
        <v>848</v>
      </c>
      <c r="F298" s="7">
        <v>45401</v>
      </c>
      <c r="G298" s="5" t="s">
        <v>71</v>
      </c>
      <c r="H298" s="6" t="s">
        <v>72</v>
      </c>
      <c r="I298" s="8">
        <v>43781</v>
      </c>
    </row>
    <row r="299" spans="1:9" ht="24" x14ac:dyDescent="0.2">
      <c r="A299" s="4">
        <v>43556</v>
      </c>
      <c r="B299" s="5" t="s">
        <v>9</v>
      </c>
      <c r="C299" s="5" t="s">
        <v>813</v>
      </c>
      <c r="D299" s="6" t="s">
        <v>849</v>
      </c>
      <c r="E299" s="5" t="s">
        <v>850</v>
      </c>
      <c r="F299" s="7">
        <v>6802</v>
      </c>
      <c r="G299" s="5" t="s">
        <v>533</v>
      </c>
      <c r="H299" s="6" t="s">
        <v>534</v>
      </c>
      <c r="I299" s="8">
        <v>43801</v>
      </c>
    </row>
    <row r="300" spans="1:9" ht="24" x14ac:dyDescent="0.2">
      <c r="A300" s="4">
        <v>43556</v>
      </c>
      <c r="B300" s="5" t="s">
        <v>9</v>
      </c>
      <c r="C300" s="5" t="s">
        <v>813</v>
      </c>
      <c r="D300" s="6" t="s">
        <v>851</v>
      </c>
      <c r="E300" s="5" t="s">
        <v>846</v>
      </c>
      <c r="F300" s="7">
        <v>15115</v>
      </c>
      <c r="G300" s="5" t="s">
        <v>830</v>
      </c>
      <c r="H300" s="6" t="s">
        <v>831</v>
      </c>
      <c r="I300" s="8">
        <v>43802</v>
      </c>
    </row>
    <row r="301" spans="1:9" ht="24" x14ac:dyDescent="0.2">
      <c r="A301" s="4">
        <v>43556</v>
      </c>
      <c r="B301" s="5" t="s">
        <v>9</v>
      </c>
      <c r="C301" s="5" t="s">
        <v>813</v>
      </c>
      <c r="D301" s="6" t="s">
        <v>852</v>
      </c>
      <c r="E301" s="5" t="s">
        <v>848</v>
      </c>
      <c r="F301" s="7">
        <v>44790</v>
      </c>
      <c r="G301" s="5" t="s">
        <v>71</v>
      </c>
      <c r="H301" s="6" t="s">
        <v>72</v>
      </c>
      <c r="I301" s="8">
        <v>43804</v>
      </c>
    </row>
    <row r="302" spans="1:9" ht="24" x14ac:dyDescent="0.2">
      <c r="A302" s="4">
        <v>43556</v>
      </c>
      <c r="B302" s="5" t="s">
        <v>9</v>
      </c>
      <c r="C302" s="5" t="s">
        <v>813</v>
      </c>
      <c r="D302" s="6" t="s">
        <v>853</v>
      </c>
      <c r="E302" s="5" t="s">
        <v>850</v>
      </c>
      <c r="F302" s="7">
        <v>1870</v>
      </c>
      <c r="G302" s="5" t="s">
        <v>13</v>
      </c>
      <c r="H302" s="6" t="s">
        <v>14</v>
      </c>
      <c r="I302" s="8">
        <v>43804</v>
      </c>
    </row>
    <row r="303" spans="1:9" ht="24" x14ac:dyDescent="0.2">
      <c r="A303" s="4">
        <v>43556</v>
      </c>
      <c r="B303" s="5" t="s">
        <v>9</v>
      </c>
      <c r="C303" s="5" t="s">
        <v>813</v>
      </c>
      <c r="D303" s="6" t="s">
        <v>854</v>
      </c>
      <c r="E303" s="5" t="s">
        <v>855</v>
      </c>
      <c r="F303" s="7">
        <v>195580</v>
      </c>
      <c r="G303" s="5" t="s">
        <v>71</v>
      </c>
      <c r="H303" s="6" t="s">
        <v>72</v>
      </c>
      <c r="I303" s="8">
        <v>43809</v>
      </c>
    </row>
    <row r="304" spans="1:9" ht="24" x14ac:dyDescent="0.2">
      <c r="A304" s="4">
        <v>43556</v>
      </c>
      <c r="B304" s="5" t="s">
        <v>9</v>
      </c>
      <c r="C304" s="5" t="s">
        <v>813</v>
      </c>
      <c r="D304" s="6" t="s">
        <v>856</v>
      </c>
      <c r="E304" s="5" t="s">
        <v>857</v>
      </c>
      <c r="F304" s="7">
        <v>6072</v>
      </c>
      <c r="G304" s="5" t="s">
        <v>125</v>
      </c>
      <c r="H304" s="6" t="s">
        <v>126</v>
      </c>
      <c r="I304" s="8">
        <v>43810</v>
      </c>
    </row>
    <row r="305" spans="1:9" ht="24" x14ac:dyDescent="0.2">
      <c r="A305" s="4">
        <v>43556</v>
      </c>
      <c r="B305" s="5" t="s">
        <v>9</v>
      </c>
      <c r="C305" s="5" t="s">
        <v>813</v>
      </c>
      <c r="D305" s="6" t="s">
        <v>858</v>
      </c>
      <c r="E305" s="5" t="s">
        <v>859</v>
      </c>
      <c r="F305" s="7">
        <v>26086</v>
      </c>
      <c r="G305" s="5" t="s">
        <v>860</v>
      </c>
      <c r="H305" s="6" t="s">
        <v>179</v>
      </c>
      <c r="I305" s="8">
        <v>43810</v>
      </c>
    </row>
    <row r="306" spans="1:9" ht="24" x14ac:dyDescent="0.2">
      <c r="A306" s="4">
        <v>43556</v>
      </c>
      <c r="B306" s="5" t="s">
        <v>9</v>
      </c>
      <c r="C306" s="5" t="s">
        <v>813</v>
      </c>
      <c r="D306" s="6" t="s">
        <v>861</v>
      </c>
      <c r="E306" s="5" t="s">
        <v>848</v>
      </c>
      <c r="F306" s="7">
        <v>27269</v>
      </c>
      <c r="G306" s="5" t="s">
        <v>862</v>
      </c>
      <c r="H306" s="6" t="s">
        <v>863</v>
      </c>
      <c r="I306" s="8">
        <v>43810</v>
      </c>
    </row>
    <row r="307" spans="1:9" ht="24" x14ac:dyDescent="0.2">
      <c r="A307" s="4">
        <v>43556</v>
      </c>
      <c r="B307" s="5" t="s">
        <v>9</v>
      </c>
      <c r="C307" s="5" t="s">
        <v>813</v>
      </c>
      <c r="D307" s="6" t="s">
        <v>864</v>
      </c>
      <c r="E307" s="5" t="s">
        <v>865</v>
      </c>
      <c r="F307" s="7">
        <v>21678</v>
      </c>
      <c r="G307" s="5" t="s">
        <v>818</v>
      </c>
      <c r="H307" s="6" t="s">
        <v>819</v>
      </c>
      <c r="I307" s="8">
        <v>43818</v>
      </c>
    </row>
    <row r="308" spans="1:9" ht="24" x14ac:dyDescent="0.2">
      <c r="A308" s="4">
        <v>43556</v>
      </c>
      <c r="B308" s="5" t="s">
        <v>9</v>
      </c>
      <c r="C308" s="5" t="s">
        <v>813</v>
      </c>
      <c r="D308" s="6" t="s">
        <v>866</v>
      </c>
      <c r="E308" s="5" t="s">
        <v>865</v>
      </c>
      <c r="F308" s="7">
        <v>13200</v>
      </c>
      <c r="G308" s="5" t="s">
        <v>821</v>
      </c>
      <c r="H308" s="6" t="s">
        <v>179</v>
      </c>
      <c r="I308" s="8">
        <v>43818</v>
      </c>
    </row>
    <row r="309" spans="1:9" ht="24" x14ac:dyDescent="0.2">
      <c r="A309" s="4">
        <v>43556</v>
      </c>
      <c r="B309" s="5" t="s">
        <v>9</v>
      </c>
      <c r="C309" s="5" t="s">
        <v>813</v>
      </c>
      <c r="D309" s="6" t="s">
        <v>867</v>
      </c>
      <c r="E309" s="5" t="s">
        <v>868</v>
      </c>
      <c r="F309" s="7">
        <v>31042</v>
      </c>
      <c r="G309" s="5" t="s">
        <v>824</v>
      </c>
      <c r="H309" s="6" t="s">
        <v>825</v>
      </c>
      <c r="I309" s="8">
        <v>43822</v>
      </c>
    </row>
    <row r="310" spans="1:9" ht="24" x14ac:dyDescent="0.2">
      <c r="A310" s="4">
        <v>43556</v>
      </c>
      <c r="B310" s="5" t="s">
        <v>9</v>
      </c>
      <c r="C310" s="5" t="s">
        <v>813</v>
      </c>
      <c r="D310" s="6" t="s">
        <v>869</v>
      </c>
      <c r="E310" s="5" t="s">
        <v>870</v>
      </c>
      <c r="F310" s="7">
        <v>56056</v>
      </c>
      <c r="G310" s="5" t="s">
        <v>195</v>
      </c>
      <c r="H310" s="6" t="s">
        <v>196</v>
      </c>
      <c r="I310" s="8">
        <v>43824</v>
      </c>
    </row>
    <row r="311" spans="1:9" ht="24" x14ac:dyDescent="0.2">
      <c r="A311" s="4">
        <v>43556</v>
      </c>
      <c r="B311" s="5" t="s">
        <v>9</v>
      </c>
      <c r="C311" s="5" t="s">
        <v>871</v>
      </c>
      <c r="D311" s="6" t="s">
        <v>872</v>
      </c>
      <c r="E311" s="5" t="s">
        <v>873</v>
      </c>
      <c r="F311" s="7">
        <v>4000</v>
      </c>
      <c r="G311" s="5" t="s">
        <v>1084</v>
      </c>
      <c r="H311" s="6" t="s">
        <v>179</v>
      </c>
      <c r="I311" s="8">
        <v>43740</v>
      </c>
    </row>
    <row r="312" spans="1:9" ht="24" x14ac:dyDescent="0.2">
      <c r="A312" s="4">
        <v>43556</v>
      </c>
      <c r="B312" s="5" t="s">
        <v>9</v>
      </c>
      <c r="C312" s="5" t="s">
        <v>871</v>
      </c>
      <c r="D312" s="6" t="s">
        <v>874</v>
      </c>
      <c r="E312" s="5" t="s">
        <v>875</v>
      </c>
      <c r="F312" s="7">
        <v>7040</v>
      </c>
      <c r="G312" s="5" t="s">
        <v>876</v>
      </c>
      <c r="H312" s="6" t="s">
        <v>877</v>
      </c>
      <c r="I312" s="8">
        <v>43741</v>
      </c>
    </row>
    <row r="313" spans="1:9" ht="24" x14ac:dyDescent="0.2">
      <c r="A313" s="4">
        <v>43556</v>
      </c>
      <c r="B313" s="5" t="s">
        <v>9</v>
      </c>
      <c r="C313" s="5" t="s">
        <v>871</v>
      </c>
      <c r="D313" s="6" t="s">
        <v>878</v>
      </c>
      <c r="E313" s="5" t="s">
        <v>879</v>
      </c>
      <c r="F313" s="7">
        <v>36847</v>
      </c>
      <c r="G313" s="5" t="s">
        <v>722</v>
      </c>
      <c r="H313" s="6" t="s">
        <v>179</v>
      </c>
      <c r="I313" s="8">
        <v>43741</v>
      </c>
    </row>
    <row r="314" spans="1:9" ht="24" x14ac:dyDescent="0.2">
      <c r="A314" s="4">
        <v>43556</v>
      </c>
      <c r="B314" s="5" t="s">
        <v>9</v>
      </c>
      <c r="C314" s="5" t="s">
        <v>871</v>
      </c>
      <c r="D314" s="6" t="s">
        <v>880</v>
      </c>
      <c r="E314" s="5" t="s">
        <v>881</v>
      </c>
      <c r="F314" s="7">
        <v>11000</v>
      </c>
      <c r="G314" s="5" t="s">
        <v>882</v>
      </c>
      <c r="H314" s="6" t="s">
        <v>179</v>
      </c>
      <c r="I314" s="8">
        <v>43742</v>
      </c>
    </row>
    <row r="315" spans="1:9" ht="24" x14ac:dyDescent="0.2">
      <c r="A315" s="4">
        <v>43556</v>
      </c>
      <c r="B315" s="5" t="s">
        <v>9</v>
      </c>
      <c r="C315" s="5" t="s">
        <v>871</v>
      </c>
      <c r="D315" s="6" t="s">
        <v>883</v>
      </c>
      <c r="E315" s="5" t="s">
        <v>884</v>
      </c>
      <c r="F315" s="7">
        <v>4706</v>
      </c>
      <c r="G315" s="5" t="s">
        <v>313</v>
      </c>
      <c r="H315" s="6" t="s">
        <v>314</v>
      </c>
      <c r="I315" s="8">
        <v>43745</v>
      </c>
    </row>
    <row r="316" spans="1:9" ht="24" x14ac:dyDescent="0.2">
      <c r="A316" s="4">
        <v>43556</v>
      </c>
      <c r="B316" s="5" t="s">
        <v>9</v>
      </c>
      <c r="C316" s="5" t="s">
        <v>871</v>
      </c>
      <c r="D316" s="6" t="s">
        <v>885</v>
      </c>
      <c r="E316" s="5" t="s">
        <v>886</v>
      </c>
      <c r="F316" s="7">
        <v>16192</v>
      </c>
      <c r="G316" s="5" t="s">
        <v>313</v>
      </c>
      <c r="H316" s="6" t="s">
        <v>314</v>
      </c>
      <c r="I316" s="8">
        <v>43761</v>
      </c>
    </row>
    <row r="317" spans="1:9" ht="24" x14ac:dyDescent="0.2">
      <c r="A317" s="4">
        <v>43556</v>
      </c>
      <c r="B317" s="5" t="s">
        <v>9</v>
      </c>
      <c r="C317" s="5" t="s">
        <v>871</v>
      </c>
      <c r="D317" s="6" t="s">
        <v>887</v>
      </c>
      <c r="E317" s="5" t="s">
        <v>888</v>
      </c>
      <c r="F317" s="7">
        <v>34210</v>
      </c>
      <c r="G317" s="5" t="s">
        <v>722</v>
      </c>
      <c r="H317" s="6" t="s">
        <v>179</v>
      </c>
      <c r="I317" s="8">
        <v>43766</v>
      </c>
    </row>
    <row r="318" spans="1:9" ht="24" x14ac:dyDescent="0.2">
      <c r="A318" s="4">
        <v>43556</v>
      </c>
      <c r="B318" s="5" t="s">
        <v>9</v>
      </c>
      <c r="C318" s="5" t="s">
        <v>871</v>
      </c>
      <c r="D318" s="6" t="s">
        <v>889</v>
      </c>
      <c r="E318" s="5" t="s">
        <v>890</v>
      </c>
      <c r="F318" s="7">
        <v>4310</v>
      </c>
      <c r="G318" s="5" t="s">
        <v>891</v>
      </c>
      <c r="H318" s="6" t="s">
        <v>892</v>
      </c>
      <c r="I318" s="8">
        <v>43777</v>
      </c>
    </row>
    <row r="319" spans="1:9" ht="24" x14ac:dyDescent="0.2">
      <c r="A319" s="4">
        <v>43556</v>
      </c>
      <c r="B319" s="5" t="s">
        <v>9</v>
      </c>
      <c r="C319" s="5" t="s">
        <v>871</v>
      </c>
      <c r="D319" s="6" t="s">
        <v>893</v>
      </c>
      <c r="E319" s="5" t="s">
        <v>894</v>
      </c>
      <c r="F319" s="7">
        <v>64363</v>
      </c>
      <c r="G319" s="5" t="s">
        <v>175</v>
      </c>
      <c r="H319" s="6" t="s">
        <v>176</v>
      </c>
      <c r="I319" s="8">
        <v>43780</v>
      </c>
    </row>
    <row r="320" spans="1:9" ht="24" x14ac:dyDescent="0.2">
      <c r="A320" s="4">
        <v>43556</v>
      </c>
      <c r="B320" s="5" t="s">
        <v>9</v>
      </c>
      <c r="C320" s="5" t="s">
        <v>871</v>
      </c>
      <c r="D320" s="6" t="s">
        <v>895</v>
      </c>
      <c r="E320" s="5" t="s">
        <v>896</v>
      </c>
      <c r="F320" s="7">
        <v>43175</v>
      </c>
      <c r="G320" s="5" t="s">
        <v>313</v>
      </c>
      <c r="H320" s="6" t="s">
        <v>314</v>
      </c>
      <c r="I320" s="8">
        <v>43787</v>
      </c>
    </row>
    <row r="321" spans="1:9" ht="36" x14ac:dyDescent="0.2">
      <c r="A321" s="4">
        <v>43556</v>
      </c>
      <c r="B321" s="5" t="s">
        <v>9</v>
      </c>
      <c r="C321" s="5" t="s">
        <v>871</v>
      </c>
      <c r="D321" s="6" t="s">
        <v>897</v>
      </c>
      <c r="E321" s="5" t="s">
        <v>898</v>
      </c>
      <c r="F321" s="7">
        <v>2222</v>
      </c>
      <c r="G321" s="5" t="s">
        <v>899</v>
      </c>
      <c r="H321" s="6" t="s">
        <v>900</v>
      </c>
      <c r="I321" s="8">
        <v>43787</v>
      </c>
    </row>
    <row r="322" spans="1:9" ht="24" x14ac:dyDescent="0.2">
      <c r="A322" s="4">
        <v>43556</v>
      </c>
      <c r="B322" s="5" t="s">
        <v>9</v>
      </c>
      <c r="C322" s="5" t="s">
        <v>871</v>
      </c>
      <c r="D322" s="6" t="s">
        <v>901</v>
      </c>
      <c r="E322" s="5" t="s">
        <v>902</v>
      </c>
      <c r="F322" s="7">
        <v>12785</v>
      </c>
      <c r="G322" s="5" t="s">
        <v>903</v>
      </c>
      <c r="H322" s="6" t="s">
        <v>904</v>
      </c>
      <c r="I322" s="8">
        <v>43787</v>
      </c>
    </row>
    <row r="323" spans="1:9" ht="24" x14ac:dyDescent="0.2">
      <c r="A323" s="4">
        <v>43556</v>
      </c>
      <c r="B323" s="5" t="s">
        <v>9</v>
      </c>
      <c r="C323" s="5" t="s">
        <v>871</v>
      </c>
      <c r="D323" s="6" t="s">
        <v>905</v>
      </c>
      <c r="E323" s="5" t="s">
        <v>906</v>
      </c>
      <c r="F323" s="7">
        <v>17140</v>
      </c>
      <c r="G323" s="5" t="s">
        <v>722</v>
      </c>
      <c r="H323" s="6" t="s">
        <v>179</v>
      </c>
      <c r="I323" s="8">
        <v>43791</v>
      </c>
    </row>
    <row r="324" spans="1:9" ht="24" x14ac:dyDescent="0.2">
      <c r="A324" s="4">
        <v>43556</v>
      </c>
      <c r="B324" s="5" t="s">
        <v>9</v>
      </c>
      <c r="C324" s="5" t="s">
        <v>871</v>
      </c>
      <c r="D324" s="6" t="s">
        <v>907</v>
      </c>
      <c r="E324" s="5" t="s">
        <v>908</v>
      </c>
      <c r="F324" s="7">
        <v>6430</v>
      </c>
      <c r="G324" s="5" t="s">
        <v>903</v>
      </c>
      <c r="H324" s="6" t="s">
        <v>904</v>
      </c>
      <c r="I324" s="8">
        <v>43796</v>
      </c>
    </row>
    <row r="325" spans="1:9" ht="24" x14ac:dyDescent="0.2">
      <c r="A325" s="4">
        <v>43556</v>
      </c>
      <c r="B325" s="5" t="s">
        <v>9</v>
      </c>
      <c r="C325" s="5" t="s">
        <v>871</v>
      </c>
      <c r="D325" s="6" t="s">
        <v>909</v>
      </c>
      <c r="E325" s="5" t="s">
        <v>910</v>
      </c>
      <c r="F325" s="7">
        <v>968</v>
      </c>
      <c r="G325" s="5" t="s">
        <v>1084</v>
      </c>
      <c r="H325" s="6" t="s">
        <v>179</v>
      </c>
      <c r="I325" s="8">
        <v>43801</v>
      </c>
    </row>
    <row r="326" spans="1:9" ht="24" x14ac:dyDescent="0.2">
      <c r="A326" s="4">
        <v>43556</v>
      </c>
      <c r="B326" s="5" t="s">
        <v>9</v>
      </c>
      <c r="C326" s="5" t="s">
        <v>871</v>
      </c>
      <c r="D326" s="6" t="s">
        <v>911</v>
      </c>
      <c r="E326" s="5" t="s">
        <v>912</v>
      </c>
      <c r="F326" s="7">
        <v>60720</v>
      </c>
      <c r="G326" s="5" t="s">
        <v>175</v>
      </c>
      <c r="H326" s="6" t="s">
        <v>176</v>
      </c>
      <c r="I326" s="8">
        <v>43804</v>
      </c>
    </row>
    <row r="327" spans="1:9" ht="24" x14ac:dyDescent="0.2">
      <c r="A327" s="4">
        <v>43556</v>
      </c>
      <c r="B327" s="5" t="s">
        <v>9</v>
      </c>
      <c r="C327" s="5" t="s">
        <v>871</v>
      </c>
      <c r="D327" s="6" t="s">
        <v>913</v>
      </c>
      <c r="E327" s="5" t="s">
        <v>914</v>
      </c>
      <c r="F327" s="7">
        <v>2783</v>
      </c>
      <c r="G327" s="5" t="s">
        <v>313</v>
      </c>
      <c r="H327" s="6" t="s">
        <v>314</v>
      </c>
      <c r="I327" s="8">
        <v>43808</v>
      </c>
    </row>
    <row r="328" spans="1:9" ht="24" x14ac:dyDescent="0.2">
      <c r="A328" s="4">
        <v>43556</v>
      </c>
      <c r="B328" s="5" t="s">
        <v>9</v>
      </c>
      <c r="C328" s="5" t="s">
        <v>871</v>
      </c>
      <c r="D328" s="6" t="s">
        <v>915</v>
      </c>
      <c r="E328" s="5" t="s">
        <v>916</v>
      </c>
      <c r="F328" s="7">
        <v>7173</v>
      </c>
      <c r="G328" s="5" t="s">
        <v>917</v>
      </c>
      <c r="H328" s="6" t="s">
        <v>674</v>
      </c>
      <c r="I328" s="8">
        <v>43808</v>
      </c>
    </row>
    <row r="329" spans="1:9" ht="24" x14ac:dyDescent="0.2">
      <c r="A329" s="4">
        <v>43556</v>
      </c>
      <c r="B329" s="5" t="s">
        <v>9</v>
      </c>
      <c r="C329" s="5" t="s">
        <v>871</v>
      </c>
      <c r="D329" s="6" t="s">
        <v>918</v>
      </c>
      <c r="E329" s="5" t="s">
        <v>902</v>
      </c>
      <c r="F329" s="7">
        <v>6481</v>
      </c>
      <c r="G329" s="5" t="s">
        <v>903</v>
      </c>
      <c r="H329" s="6" t="s">
        <v>904</v>
      </c>
      <c r="I329" s="8">
        <v>43810</v>
      </c>
    </row>
    <row r="330" spans="1:9" ht="24" x14ac:dyDescent="0.2">
      <c r="A330" s="4">
        <v>43556</v>
      </c>
      <c r="B330" s="5" t="s">
        <v>9</v>
      </c>
      <c r="C330" s="5" t="s">
        <v>871</v>
      </c>
      <c r="D330" s="6" t="s">
        <v>919</v>
      </c>
      <c r="E330" s="5" t="s">
        <v>920</v>
      </c>
      <c r="F330" s="7">
        <v>16362</v>
      </c>
      <c r="G330" s="5" t="s">
        <v>722</v>
      </c>
      <c r="H330" s="6" t="s">
        <v>179</v>
      </c>
      <c r="I330" s="8">
        <v>43810</v>
      </c>
    </row>
    <row r="331" spans="1:9" ht="24" x14ac:dyDescent="0.2">
      <c r="A331" s="4">
        <v>43556</v>
      </c>
      <c r="B331" s="5" t="s">
        <v>9</v>
      </c>
      <c r="C331" s="5" t="s">
        <v>871</v>
      </c>
      <c r="D331" s="6" t="s">
        <v>921</v>
      </c>
      <c r="E331" s="5" t="s">
        <v>650</v>
      </c>
      <c r="F331" s="7">
        <v>12434</v>
      </c>
      <c r="G331" s="5" t="s">
        <v>497</v>
      </c>
      <c r="H331" s="6" t="s">
        <v>498</v>
      </c>
      <c r="I331" s="8">
        <v>43812</v>
      </c>
    </row>
    <row r="332" spans="1:9" ht="24" x14ac:dyDescent="0.2">
      <c r="A332" s="4">
        <v>43556</v>
      </c>
      <c r="B332" s="5" t="s">
        <v>9</v>
      </c>
      <c r="C332" s="5" t="s">
        <v>871</v>
      </c>
      <c r="D332" s="6" t="s">
        <v>922</v>
      </c>
      <c r="E332" s="5" t="s">
        <v>923</v>
      </c>
      <c r="F332" s="7">
        <v>11375</v>
      </c>
      <c r="G332" s="5" t="s">
        <v>313</v>
      </c>
      <c r="H332" s="6" t="s">
        <v>314</v>
      </c>
      <c r="I332" s="8">
        <v>43815</v>
      </c>
    </row>
    <row r="333" spans="1:9" ht="24" x14ac:dyDescent="0.2">
      <c r="A333" s="4">
        <v>43556</v>
      </c>
      <c r="B333" s="5" t="s">
        <v>9</v>
      </c>
      <c r="C333" s="5" t="s">
        <v>871</v>
      </c>
      <c r="D333" s="6" t="s">
        <v>924</v>
      </c>
      <c r="E333" s="5" t="s">
        <v>925</v>
      </c>
      <c r="F333" s="7">
        <v>1430</v>
      </c>
      <c r="G333" s="5" t="s">
        <v>39</v>
      </c>
      <c r="H333" s="6" t="s">
        <v>40</v>
      </c>
      <c r="I333" s="8">
        <v>43818</v>
      </c>
    </row>
    <row r="334" spans="1:9" ht="24" x14ac:dyDescent="0.2">
      <c r="A334" s="4">
        <v>43556</v>
      </c>
      <c r="B334" s="5" t="s">
        <v>9</v>
      </c>
      <c r="C334" s="5" t="s">
        <v>871</v>
      </c>
      <c r="D334" s="6" t="s">
        <v>926</v>
      </c>
      <c r="E334" s="5" t="s">
        <v>927</v>
      </c>
      <c r="F334" s="7">
        <v>20130</v>
      </c>
      <c r="G334" s="5" t="s">
        <v>39</v>
      </c>
      <c r="H334" s="6" t="s">
        <v>40</v>
      </c>
      <c r="I334" s="8">
        <v>43818</v>
      </c>
    </row>
    <row r="335" spans="1:9" ht="24" x14ac:dyDescent="0.2">
      <c r="A335" s="4">
        <v>43556</v>
      </c>
      <c r="B335" s="5" t="s">
        <v>9</v>
      </c>
      <c r="C335" s="5" t="s">
        <v>871</v>
      </c>
      <c r="D335" s="6" t="s">
        <v>928</v>
      </c>
      <c r="E335" s="5" t="s">
        <v>929</v>
      </c>
      <c r="F335" s="7">
        <v>6019</v>
      </c>
      <c r="G335" s="5" t="s">
        <v>903</v>
      </c>
      <c r="H335" s="6" t="s">
        <v>904</v>
      </c>
      <c r="I335" s="8">
        <v>43825</v>
      </c>
    </row>
    <row r="336" spans="1:9" ht="24" x14ac:dyDescent="0.2">
      <c r="A336" s="4">
        <v>43556</v>
      </c>
      <c r="B336" s="5" t="s">
        <v>9</v>
      </c>
      <c r="C336" s="5" t="s">
        <v>930</v>
      </c>
      <c r="D336" s="6" t="s">
        <v>931</v>
      </c>
      <c r="E336" s="5" t="s">
        <v>932</v>
      </c>
      <c r="F336" s="7">
        <v>3740</v>
      </c>
      <c r="G336" s="5" t="s">
        <v>933</v>
      </c>
      <c r="H336" s="6" t="s">
        <v>934</v>
      </c>
      <c r="I336" s="8">
        <v>43741</v>
      </c>
    </row>
    <row r="337" spans="1:9" ht="24" x14ac:dyDescent="0.2">
      <c r="A337" s="4">
        <v>43556</v>
      </c>
      <c r="B337" s="5" t="s">
        <v>9</v>
      </c>
      <c r="C337" s="5" t="s">
        <v>930</v>
      </c>
      <c r="D337" s="6" t="s">
        <v>935</v>
      </c>
      <c r="E337" s="5" t="s">
        <v>936</v>
      </c>
      <c r="F337" s="7">
        <v>46509</v>
      </c>
      <c r="G337" s="5" t="s">
        <v>722</v>
      </c>
      <c r="H337" s="6" t="s">
        <v>179</v>
      </c>
      <c r="I337" s="8">
        <v>43755</v>
      </c>
    </row>
    <row r="338" spans="1:9" ht="24" x14ac:dyDescent="0.2">
      <c r="A338" s="4">
        <v>43556</v>
      </c>
      <c r="B338" s="5" t="s">
        <v>9</v>
      </c>
      <c r="C338" s="5" t="s">
        <v>930</v>
      </c>
      <c r="D338" s="6" t="s">
        <v>937</v>
      </c>
      <c r="E338" s="5" t="s">
        <v>801</v>
      </c>
      <c r="F338" s="7">
        <v>34947</v>
      </c>
      <c r="G338" s="5" t="s">
        <v>938</v>
      </c>
      <c r="H338" s="6" t="s">
        <v>939</v>
      </c>
      <c r="I338" s="8">
        <v>43762</v>
      </c>
    </row>
    <row r="339" spans="1:9" ht="24" x14ac:dyDescent="0.2">
      <c r="A339" s="4">
        <v>43556</v>
      </c>
      <c r="B339" s="5" t="s">
        <v>9</v>
      </c>
      <c r="C339" s="5" t="s">
        <v>930</v>
      </c>
      <c r="D339" s="6" t="s">
        <v>940</v>
      </c>
      <c r="E339" s="5" t="s">
        <v>941</v>
      </c>
      <c r="F339" s="7">
        <v>10000</v>
      </c>
      <c r="G339" s="5" t="s">
        <v>942</v>
      </c>
      <c r="H339" s="6" t="s">
        <v>179</v>
      </c>
      <c r="I339" s="8">
        <v>43767</v>
      </c>
    </row>
    <row r="340" spans="1:9" ht="24" x14ac:dyDescent="0.2">
      <c r="A340" s="4">
        <v>43556</v>
      </c>
      <c r="B340" s="5" t="s">
        <v>9</v>
      </c>
      <c r="C340" s="5" t="s">
        <v>930</v>
      </c>
      <c r="D340" s="6" t="s">
        <v>943</v>
      </c>
      <c r="E340" s="5" t="s">
        <v>449</v>
      </c>
      <c r="F340" s="7">
        <v>3572</v>
      </c>
      <c r="G340" s="5" t="s">
        <v>944</v>
      </c>
      <c r="H340" s="6" t="s">
        <v>945</v>
      </c>
      <c r="I340" s="8">
        <v>43782</v>
      </c>
    </row>
    <row r="341" spans="1:9" ht="24" x14ac:dyDescent="0.2">
      <c r="A341" s="4">
        <v>43556</v>
      </c>
      <c r="B341" s="5" t="s">
        <v>9</v>
      </c>
      <c r="C341" s="5" t="s">
        <v>930</v>
      </c>
      <c r="D341" s="6" t="s">
        <v>946</v>
      </c>
      <c r="E341" s="5" t="s">
        <v>947</v>
      </c>
      <c r="F341" s="7">
        <v>8800</v>
      </c>
      <c r="G341" s="5" t="s">
        <v>477</v>
      </c>
      <c r="H341" s="6" t="s">
        <v>478</v>
      </c>
      <c r="I341" s="8">
        <v>43791</v>
      </c>
    </row>
    <row r="342" spans="1:9" ht="24" x14ac:dyDescent="0.2">
      <c r="A342" s="4">
        <v>43556</v>
      </c>
      <c r="B342" s="5" t="s">
        <v>9</v>
      </c>
      <c r="C342" s="5" t="s">
        <v>930</v>
      </c>
      <c r="D342" s="6" t="s">
        <v>948</v>
      </c>
      <c r="E342" s="5" t="s">
        <v>936</v>
      </c>
      <c r="F342" s="7">
        <v>46731</v>
      </c>
      <c r="G342" s="5" t="s">
        <v>722</v>
      </c>
      <c r="H342" s="6" t="s">
        <v>179</v>
      </c>
      <c r="I342" s="8">
        <v>43801</v>
      </c>
    </row>
    <row r="343" spans="1:9" ht="24" x14ac:dyDescent="0.2">
      <c r="A343" s="4">
        <v>43556</v>
      </c>
      <c r="B343" s="5" t="s">
        <v>9</v>
      </c>
      <c r="C343" s="5" t="s">
        <v>930</v>
      </c>
      <c r="D343" s="6" t="s">
        <v>949</v>
      </c>
      <c r="E343" s="5" t="s">
        <v>932</v>
      </c>
      <c r="F343" s="7">
        <v>7173</v>
      </c>
      <c r="G343" s="5" t="s">
        <v>536</v>
      </c>
      <c r="H343" s="6" t="s">
        <v>674</v>
      </c>
      <c r="I343" s="8">
        <v>43809</v>
      </c>
    </row>
    <row r="344" spans="1:9" ht="24" x14ac:dyDescent="0.2">
      <c r="A344" s="4">
        <v>43556</v>
      </c>
      <c r="B344" s="5" t="s">
        <v>9</v>
      </c>
      <c r="C344" s="5" t="s">
        <v>930</v>
      </c>
      <c r="D344" s="6" t="s">
        <v>950</v>
      </c>
      <c r="E344" s="5" t="s">
        <v>936</v>
      </c>
      <c r="F344" s="7">
        <v>1210</v>
      </c>
      <c r="G344" s="5" t="s">
        <v>951</v>
      </c>
      <c r="H344" s="6" t="s">
        <v>179</v>
      </c>
      <c r="I344" s="8">
        <v>43812</v>
      </c>
    </row>
    <row r="345" spans="1:9" ht="24" x14ac:dyDescent="0.2">
      <c r="A345" s="4">
        <v>43556</v>
      </c>
      <c r="B345" s="5" t="s">
        <v>9</v>
      </c>
      <c r="C345" s="5" t="s">
        <v>930</v>
      </c>
      <c r="D345" s="6" t="s">
        <v>952</v>
      </c>
      <c r="E345" s="5" t="s">
        <v>953</v>
      </c>
      <c r="F345" s="7">
        <v>138820</v>
      </c>
      <c r="G345" s="5" t="s">
        <v>954</v>
      </c>
      <c r="H345" s="6" t="s">
        <v>955</v>
      </c>
      <c r="I345" s="8">
        <v>43818</v>
      </c>
    </row>
    <row r="346" spans="1:9" ht="24" x14ac:dyDescent="0.2">
      <c r="A346" s="4">
        <v>43556</v>
      </c>
      <c r="B346" s="5" t="s">
        <v>9</v>
      </c>
      <c r="C346" s="5" t="s">
        <v>930</v>
      </c>
      <c r="D346" s="6" t="s">
        <v>956</v>
      </c>
      <c r="E346" s="5" t="s">
        <v>957</v>
      </c>
      <c r="F346" s="7">
        <v>13200</v>
      </c>
      <c r="G346" s="5" t="s">
        <v>938</v>
      </c>
      <c r="H346" s="6" t="s">
        <v>939</v>
      </c>
      <c r="I346" s="8">
        <v>43823</v>
      </c>
    </row>
    <row r="347" spans="1:9" ht="24" x14ac:dyDescent="0.2">
      <c r="A347" s="4">
        <v>43556</v>
      </c>
      <c r="B347" s="5" t="s">
        <v>9</v>
      </c>
      <c r="C347" s="5" t="s">
        <v>930</v>
      </c>
      <c r="D347" s="6" t="s">
        <v>958</v>
      </c>
      <c r="E347" s="5" t="s">
        <v>959</v>
      </c>
      <c r="F347" s="7">
        <v>4001</v>
      </c>
      <c r="G347" s="5" t="s">
        <v>477</v>
      </c>
      <c r="H347" s="6" t="s">
        <v>478</v>
      </c>
      <c r="I347" s="8">
        <v>43823</v>
      </c>
    </row>
    <row r="348" spans="1:9" ht="24" x14ac:dyDescent="0.2">
      <c r="A348" s="4">
        <v>43556</v>
      </c>
      <c r="B348" s="5" t="s">
        <v>9</v>
      </c>
      <c r="C348" s="5" t="s">
        <v>930</v>
      </c>
      <c r="D348" s="6" t="s">
        <v>960</v>
      </c>
      <c r="E348" s="5" t="s">
        <v>961</v>
      </c>
      <c r="F348" s="7">
        <v>22737</v>
      </c>
      <c r="G348" s="5" t="s">
        <v>933</v>
      </c>
      <c r="H348" s="6" t="s">
        <v>934</v>
      </c>
      <c r="I348" s="8">
        <v>43826</v>
      </c>
    </row>
    <row r="349" spans="1:9" ht="36" x14ac:dyDescent="0.2">
      <c r="A349" s="4">
        <v>43556</v>
      </c>
      <c r="B349" s="5" t="s">
        <v>9</v>
      </c>
      <c r="C349" s="5" t="s">
        <v>962</v>
      </c>
      <c r="D349" s="6" t="s">
        <v>963</v>
      </c>
      <c r="E349" s="5" t="s">
        <v>25</v>
      </c>
      <c r="F349" s="7">
        <v>35073</v>
      </c>
      <c r="G349" s="5" t="s">
        <v>964</v>
      </c>
      <c r="H349" s="6" t="s">
        <v>965</v>
      </c>
      <c r="I349" s="8">
        <v>43753</v>
      </c>
    </row>
    <row r="350" spans="1:9" ht="36" x14ac:dyDescent="0.2">
      <c r="A350" s="4">
        <v>43556</v>
      </c>
      <c r="B350" s="5" t="s">
        <v>9</v>
      </c>
      <c r="C350" s="5" t="s">
        <v>962</v>
      </c>
      <c r="D350" s="6" t="s">
        <v>966</v>
      </c>
      <c r="E350" s="5" t="s">
        <v>967</v>
      </c>
      <c r="F350" s="7">
        <v>10494</v>
      </c>
      <c r="G350" s="5" t="s">
        <v>824</v>
      </c>
      <c r="H350" s="6" t="s">
        <v>825</v>
      </c>
      <c r="I350" s="8">
        <v>43755</v>
      </c>
    </row>
    <row r="351" spans="1:9" ht="36" x14ac:dyDescent="0.2">
      <c r="A351" s="4">
        <v>43556</v>
      </c>
      <c r="B351" s="5" t="s">
        <v>9</v>
      </c>
      <c r="C351" s="5" t="s">
        <v>962</v>
      </c>
      <c r="D351" s="6" t="s">
        <v>968</v>
      </c>
      <c r="E351" s="5" t="s">
        <v>969</v>
      </c>
      <c r="F351" s="7">
        <v>11000</v>
      </c>
      <c r="G351" s="5" t="s">
        <v>970</v>
      </c>
      <c r="H351" s="6" t="s">
        <v>971</v>
      </c>
      <c r="I351" s="8">
        <v>43756</v>
      </c>
    </row>
    <row r="352" spans="1:9" ht="36" x14ac:dyDescent="0.2">
      <c r="A352" s="4">
        <v>43556</v>
      </c>
      <c r="B352" s="5" t="s">
        <v>9</v>
      </c>
      <c r="C352" s="5" t="s">
        <v>962</v>
      </c>
      <c r="D352" s="6" t="s">
        <v>972</v>
      </c>
      <c r="E352" s="5" t="s">
        <v>973</v>
      </c>
      <c r="F352" s="7">
        <v>42466</v>
      </c>
      <c r="G352" s="5" t="s">
        <v>125</v>
      </c>
      <c r="H352" s="6" t="s">
        <v>126</v>
      </c>
      <c r="I352" s="8">
        <v>43776</v>
      </c>
    </row>
    <row r="353" spans="1:9" ht="36" x14ac:dyDescent="0.2">
      <c r="A353" s="4">
        <v>43556</v>
      </c>
      <c r="B353" s="5" t="s">
        <v>9</v>
      </c>
      <c r="C353" s="5" t="s">
        <v>962</v>
      </c>
      <c r="D353" s="6" t="s">
        <v>974</v>
      </c>
      <c r="E353" s="5" t="s">
        <v>975</v>
      </c>
      <c r="F353" s="7">
        <v>15840</v>
      </c>
      <c r="G353" s="5" t="s">
        <v>824</v>
      </c>
      <c r="H353" s="6" t="s">
        <v>825</v>
      </c>
      <c r="I353" s="8">
        <v>43780</v>
      </c>
    </row>
    <row r="354" spans="1:9" ht="36" x14ac:dyDescent="0.2">
      <c r="A354" s="4">
        <v>43556</v>
      </c>
      <c r="B354" s="5" t="s">
        <v>9</v>
      </c>
      <c r="C354" s="5" t="s">
        <v>962</v>
      </c>
      <c r="D354" s="6" t="s">
        <v>976</v>
      </c>
      <c r="E354" s="5" t="s">
        <v>977</v>
      </c>
      <c r="F354" s="7">
        <v>3000</v>
      </c>
      <c r="G354" s="5" t="s">
        <v>978</v>
      </c>
      <c r="H354" s="6" t="s">
        <v>179</v>
      </c>
      <c r="I354" s="8">
        <v>43780</v>
      </c>
    </row>
    <row r="355" spans="1:9" ht="36" x14ac:dyDescent="0.2">
      <c r="A355" s="4">
        <v>43556</v>
      </c>
      <c r="B355" s="5" t="s">
        <v>9</v>
      </c>
      <c r="C355" s="5" t="s">
        <v>962</v>
      </c>
      <c r="D355" s="6" t="s">
        <v>979</v>
      </c>
      <c r="E355" s="5" t="s">
        <v>801</v>
      </c>
      <c r="F355" s="7">
        <v>80399</v>
      </c>
      <c r="G355" s="5" t="s">
        <v>964</v>
      </c>
      <c r="H355" s="6" t="s">
        <v>965</v>
      </c>
      <c r="I355" s="8">
        <v>43796</v>
      </c>
    </row>
    <row r="356" spans="1:9" ht="36" x14ac:dyDescent="0.2">
      <c r="A356" s="4">
        <v>43556</v>
      </c>
      <c r="B356" s="5" t="s">
        <v>9</v>
      </c>
      <c r="C356" s="5" t="s">
        <v>962</v>
      </c>
      <c r="D356" s="6" t="s">
        <v>980</v>
      </c>
      <c r="E356" s="5" t="s">
        <v>981</v>
      </c>
      <c r="F356" s="7">
        <v>37947</v>
      </c>
      <c r="G356" s="5" t="s">
        <v>982</v>
      </c>
      <c r="H356" s="6" t="s">
        <v>983</v>
      </c>
      <c r="I356" s="8">
        <v>43819</v>
      </c>
    </row>
    <row r="357" spans="1:9" ht="36" x14ac:dyDescent="0.2">
      <c r="A357" s="4">
        <v>43556</v>
      </c>
      <c r="B357" s="5" t="s">
        <v>9</v>
      </c>
      <c r="C357" s="5" t="s">
        <v>962</v>
      </c>
      <c r="D357" s="6" t="s">
        <v>984</v>
      </c>
      <c r="E357" s="5" t="s">
        <v>985</v>
      </c>
      <c r="F357" s="7">
        <v>13530</v>
      </c>
      <c r="G357" s="5" t="s">
        <v>714</v>
      </c>
      <c r="H357" s="6" t="s">
        <v>715</v>
      </c>
      <c r="I357" s="8">
        <v>43819</v>
      </c>
    </row>
    <row r="358" spans="1:9" ht="36" x14ac:dyDescent="0.2">
      <c r="A358" s="4">
        <v>43556</v>
      </c>
      <c r="B358" s="5" t="s">
        <v>9</v>
      </c>
      <c r="C358" s="5" t="s">
        <v>962</v>
      </c>
      <c r="D358" s="6" t="s">
        <v>986</v>
      </c>
      <c r="E358" s="5" t="s">
        <v>25</v>
      </c>
      <c r="F358" s="7">
        <v>42439</v>
      </c>
      <c r="G358" s="5" t="s">
        <v>964</v>
      </c>
      <c r="H358" s="6" t="s">
        <v>965</v>
      </c>
      <c r="I358" s="8">
        <v>43819</v>
      </c>
    </row>
    <row r="359" spans="1:9" ht="36" x14ac:dyDescent="0.2">
      <c r="A359" s="4">
        <v>43556</v>
      </c>
      <c r="B359" s="5" t="s">
        <v>9</v>
      </c>
      <c r="C359" s="5" t="s">
        <v>962</v>
      </c>
      <c r="D359" s="6" t="s">
        <v>987</v>
      </c>
      <c r="E359" s="5" t="s">
        <v>988</v>
      </c>
      <c r="F359" s="7">
        <v>40189</v>
      </c>
      <c r="G359" s="5" t="s">
        <v>698</v>
      </c>
      <c r="H359" s="6" t="s">
        <v>699</v>
      </c>
      <c r="I359" s="8">
        <v>43822</v>
      </c>
    </row>
    <row r="360" spans="1:9" ht="24" x14ac:dyDescent="0.2">
      <c r="A360" s="4">
        <v>43556</v>
      </c>
      <c r="B360" s="5" t="s">
        <v>9</v>
      </c>
      <c r="C360" s="5" t="s">
        <v>989</v>
      </c>
      <c r="D360" s="6" t="s">
        <v>990</v>
      </c>
      <c r="E360" s="5" t="s">
        <v>991</v>
      </c>
      <c r="F360" s="7">
        <v>13310</v>
      </c>
      <c r="G360" s="5" t="s">
        <v>992</v>
      </c>
      <c r="H360" s="6" t="s">
        <v>280</v>
      </c>
      <c r="I360" s="8">
        <v>43767</v>
      </c>
    </row>
    <row r="361" spans="1:9" ht="24" x14ac:dyDescent="0.2">
      <c r="A361" s="4">
        <v>43556</v>
      </c>
      <c r="B361" s="5" t="s">
        <v>9</v>
      </c>
      <c r="C361" s="5" t="s">
        <v>989</v>
      </c>
      <c r="D361" s="6" t="s">
        <v>993</v>
      </c>
      <c r="E361" s="5" t="s">
        <v>449</v>
      </c>
      <c r="F361" s="7">
        <v>1375</v>
      </c>
      <c r="G361" s="5" t="s">
        <v>547</v>
      </c>
      <c r="H361" s="6" t="s">
        <v>429</v>
      </c>
      <c r="I361" s="8">
        <v>43767</v>
      </c>
    </row>
    <row r="362" spans="1:9" ht="24" x14ac:dyDescent="0.2">
      <c r="A362" s="4">
        <v>43556</v>
      </c>
      <c r="B362" s="5" t="s">
        <v>9</v>
      </c>
      <c r="C362" s="5" t="s">
        <v>989</v>
      </c>
      <c r="D362" s="6" t="s">
        <v>994</v>
      </c>
      <c r="E362" s="5" t="s">
        <v>995</v>
      </c>
      <c r="F362" s="7">
        <v>28930</v>
      </c>
      <c r="G362" s="5" t="s">
        <v>59</v>
      </c>
      <c r="H362" s="6" t="s">
        <v>60</v>
      </c>
      <c r="I362" s="8">
        <v>43776</v>
      </c>
    </row>
    <row r="363" spans="1:9" ht="24" x14ac:dyDescent="0.2">
      <c r="A363" s="4">
        <v>43556</v>
      </c>
      <c r="B363" s="5" t="s">
        <v>9</v>
      </c>
      <c r="C363" s="5" t="s">
        <v>989</v>
      </c>
      <c r="D363" s="6" t="s">
        <v>996</v>
      </c>
      <c r="E363" s="5" t="s">
        <v>894</v>
      </c>
      <c r="F363" s="7">
        <v>29546</v>
      </c>
      <c r="G363" s="5" t="s">
        <v>412</v>
      </c>
      <c r="H363" s="6" t="s">
        <v>413</v>
      </c>
      <c r="I363" s="8">
        <v>43794</v>
      </c>
    </row>
    <row r="364" spans="1:9" ht="24" x14ac:dyDescent="0.2">
      <c r="A364" s="4">
        <v>43556</v>
      </c>
      <c r="B364" s="5" t="s">
        <v>9</v>
      </c>
      <c r="C364" s="5" t="s">
        <v>989</v>
      </c>
      <c r="D364" s="6" t="s">
        <v>997</v>
      </c>
      <c r="E364" s="5" t="s">
        <v>998</v>
      </c>
      <c r="F364" s="7">
        <v>151140</v>
      </c>
      <c r="G364" s="5" t="s">
        <v>303</v>
      </c>
      <c r="H364" s="6" t="s">
        <v>304</v>
      </c>
      <c r="I364" s="8">
        <v>43797</v>
      </c>
    </row>
    <row r="365" spans="1:9" ht="24" x14ac:dyDescent="0.2">
      <c r="A365" s="4">
        <v>43556</v>
      </c>
      <c r="B365" s="5" t="s">
        <v>9</v>
      </c>
      <c r="C365" s="5" t="s">
        <v>989</v>
      </c>
      <c r="D365" s="6" t="s">
        <v>999</v>
      </c>
      <c r="E365" s="5" t="s">
        <v>1000</v>
      </c>
      <c r="F365" s="7">
        <v>7990</v>
      </c>
      <c r="G365" s="5" t="s">
        <v>1001</v>
      </c>
      <c r="H365" s="6" t="s">
        <v>583</v>
      </c>
      <c r="I365" s="8">
        <v>43812</v>
      </c>
    </row>
    <row r="366" spans="1:9" ht="24" x14ac:dyDescent="0.2">
      <c r="A366" s="4">
        <v>43556</v>
      </c>
      <c r="B366" s="5" t="s">
        <v>9</v>
      </c>
      <c r="C366" s="5" t="s">
        <v>989</v>
      </c>
      <c r="D366" s="6" t="s">
        <v>1002</v>
      </c>
      <c r="E366" s="5" t="s">
        <v>912</v>
      </c>
      <c r="F366" s="7">
        <v>29546</v>
      </c>
      <c r="G366" s="5" t="s">
        <v>412</v>
      </c>
      <c r="H366" s="6" t="s">
        <v>413</v>
      </c>
      <c r="I366" s="8">
        <v>43817</v>
      </c>
    </row>
    <row r="367" spans="1:9" ht="24" x14ac:dyDescent="0.2">
      <c r="A367" s="4">
        <v>43556</v>
      </c>
      <c r="B367" s="5" t="s">
        <v>9</v>
      </c>
      <c r="C367" s="5" t="s">
        <v>989</v>
      </c>
      <c r="D367" s="6" t="s">
        <v>1003</v>
      </c>
      <c r="E367" s="5" t="s">
        <v>1004</v>
      </c>
      <c r="F367" s="7">
        <v>21120</v>
      </c>
      <c r="G367" s="5" t="s">
        <v>651</v>
      </c>
      <c r="H367" s="6" t="s">
        <v>498</v>
      </c>
      <c r="I367" s="8">
        <v>43817</v>
      </c>
    </row>
    <row r="368" spans="1:9" ht="24" x14ac:dyDescent="0.2">
      <c r="A368" s="4">
        <v>43556</v>
      </c>
      <c r="B368" s="5" t="s">
        <v>9</v>
      </c>
      <c r="C368" s="5" t="s">
        <v>989</v>
      </c>
      <c r="D368" s="6" t="s">
        <v>1005</v>
      </c>
      <c r="E368" s="5" t="s">
        <v>1006</v>
      </c>
      <c r="F368" s="7">
        <v>44000</v>
      </c>
      <c r="G368" s="5" t="s">
        <v>303</v>
      </c>
      <c r="H368" s="6" t="s">
        <v>304</v>
      </c>
      <c r="I368" s="8">
        <v>43819</v>
      </c>
    </row>
    <row r="369" spans="1:9" ht="24" x14ac:dyDescent="0.2">
      <c r="A369" s="4">
        <v>43556</v>
      </c>
      <c r="B369" s="5" t="s">
        <v>9</v>
      </c>
      <c r="C369" s="5" t="s">
        <v>989</v>
      </c>
      <c r="D369" s="6" t="s">
        <v>1007</v>
      </c>
      <c r="E369" s="5" t="s">
        <v>1008</v>
      </c>
      <c r="F369" s="7">
        <v>44319</v>
      </c>
      <c r="G369" s="5" t="s">
        <v>412</v>
      </c>
      <c r="H369" s="6" t="s">
        <v>413</v>
      </c>
      <c r="I369" s="8">
        <v>43824</v>
      </c>
    </row>
    <row r="370" spans="1:9" ht="24" x14ac:dyDescent="0.2">
      <c r="A370" s="4">
        <v>43556</v>
      </c>
      <c r="B370" s="5" t="s">
        <v>9</v>
      </c>
      <c r="C370" s="5" t="s">
        <v>1009</v>
      </c>
      <c r="D370" s="6" t="s">
        <v>1010</v>
      </c>
      <c r="E370" s="5" t="s">
        <v>1011</v>
      </c>
      <c r="F370" s="7">
        <v>2750</v>
      </c>
      <c r="G370" s="5" t="s">
        <v>1012</v>
      </c>
      <c r="H370" s="6" t="s">
        <v>1013</v>
      </c>
      <c r="I370" s="8">
        <v>43747</v>
      </c>
    </row>
    <row r="371" spans="1:9" ht="24" x14ac:dyDescent="0.2">
      <c r="A371" s="4">
        <v>43556</v>
      </c>
      <c r="B371" s="5" t="s">
        <v>9</v>
      </c>
      <c r="C371" s="5" t="s">
        <v>1009</v>
      </c>
      <c r="D371" s="6" t="s">
        <v>1014</v>
      </c>
      <c r="E371" s="5" t="s">
        <v>1015</v>
      </c>
      <c r="F371" s="7">
        <v>12309</v>
      </c>
      <c r="G371" s="5" t="s">
        <v>1016</v>
      </c>
      <c r="H371" s="6" t="s">
        <v>965</v>
      </c>
      <c r="I371" s="8">
        <v>43747</v>
      </c>
    </row>
    <row r="372" spans="1:9" x14ac:dyDescent="0.2">
      <c r="A372" s="4">
        <v>43556</v>
      </c>
      <c r="B372" s="5" t="s">
        <v>9</v>
      </c>
      <c r="C372" s="5" t="s">
        <v>1009</v>
      </c>
      <c r="D372" s="6" t="s">
        <v>1017</v>
      </c>
      <c r="E372" s="5" t="s">
        <v>1018</v>
      </c>
      <c r="F372" s="7">
        <v>26125</v>
      </c>
      <c r="G372" s="5" t="s">
        <v>1085</v>
      </c>
      <c r="H372" s="6" t="s">
        <v>179</v>
      </c>
      <c r="I372" s="8">
        <v>43747</v>
      </c>
    </row>
    <row r="373" spans="1:9" ht="24" x14ac:dyDescent="0.2">
      <c r="A373" s="4">
        <v>43556</v>
      </c>
      <c r="B373" s="5" t="s">
        <v>9</v>
      </c>
      <c r="C373" s="5" t="s">
        <v>1009</v>
      </c>
      <c r="D373" s="6" t="s">
        <v>1020</v>
      </c>
      <c r="E373" s="5" t="s">
        <v>1021</v>
      </c>
      <c r="F373" s="7">
        <v>3740</v>
      </c>
      <c r="G373" s="5" t="s">
        <v>1022</v>
      </c>
      <c r="H373" s="6" t="s">
        <v>36</v>
      </c>
      <c r="I373" s="8">
        <v>43749</v>
      </c>
    </row>
    <row r="374" spans="1:9" ht="24" x14ac:dyDescent="0.2">
      <c r="A374" s="4">
        <v>43556</v>
      </c>
      <c r="B374" s="5" t="s">
        <v>9</v>
      </c>
      <c r="C374" s="5" t="s">
        <v>1009</v>
      </c>
      <c r="D374" s="6" t="s">
        <v>1023</v>
      </c>
      <c r="E374" s="5" t="s">
        <v>1024</v>
      </c>
      <c r="F374" s="7">
        <v>15353</v>
      </c>
      <c r="G374" s="5" t="s">
        <v>504</v>
      </c>
      <c r="H374" s="6" t="s">
        <v>505</v>
      </c>
      <c r="I374" s="8">
        <v>43762</v>
      </c>
    </row>
    <row r="375" spans="1:9" ht="24" x14ac:dyDescent="0.2">
      <c r="A375" s="4">
        <v>43556</v>
      </c>
      <c r="B375" s="5" t="s">
        <v>9</v>
      </c>
      <c r="C375" s="5" t="s">
        <v>1009</v>
      </c>
      <c r="D375" s="6" t="s">
        <v>1025</v>
      </c>
      <c r="E375" s="5" t="s">
        <v>1026</v>
      </c>
      <c r="F375" s="7">
        <v>14300</v>
      </c>
      <c r="G375" s="5" t="s">
        <v>1027</v>
      </c>
      <c r="H375" s="6" t="s">
        <v>1028</v>
      </c>
      <c r="I375" s="8">
        <v>43766</v>
      </c>
    </row>
    <row r="376" spans="1:9" x14ac:dyDescent="0.2">
      <c r="A376" s="4">
        <v>43556</v>
      </c>
      <c r="B376" s="5" t="s">
        <v>9</v>
      </c>
      <c r="C376" s="5" t="s">
        <v>1009</v>
      </c>
      <c r="D376" s="6" t="s">
        <v>1029</v>
      </c>
      <c r="E376" s="5" t="s">
        <v>1030</v>
      </c>
      <c r="F376" s="7">
        <v>24640</v>
      </c>
      <c r="G376" s="5" t="s">
        <v>1085</v>
      </c>
      <c r="H376" s="6" t="s">
        <v>179</v>
      </c>
      <c r="I376" s="8">
        <v>43766</v>
      </c>
    </row>
    <row r="377" spans="1:9" ht="24" x14ac:dyDescent="0.2">
      <c r="A377" s="4">
        <v>43556</v>
      </c>
      <c r="B377" s="5" t="s">
        <v>9</v>
      </c>
      <c r="C377" s="5" t="s">
        <v>1009</v>
      </c>
      <c r="D377" s="6" t="s">
        <v>1031</v>
      </c>
      <c r="E377" s="5" t="s">
        <v>1032</v>
      </c>
      <c r="F377" s="7">
        <v>25476</v>
      </c>
      <c r="G377" s="5" t="s">
        <v>1033</v>
      </c>
      <c r="H377" s="6" t="s">
        <v>1034</v>
      </c>
      <c r="I377" s="8">
        <v>43768</v>
      </c>
    </row>
    <row r="378" spans="1:9" ht="24" x14ac:dyDescent="0.2">
      <c r="A378" s="4">
        <v>43556</v>
      </c>
      <c r="B378" s="5" t="s">
        <v>9</v>
      </c>
      <c r="C378" s="5" t="s">
        <v>1009</v>
      </c>
      <c r="D378" s="6" t="s">
        <v>1035</v>
      </c>
      <c r="E378" s="5" t="s">
        <v>1036</v>
      </c>
      <c r="F378" s="7">
        <v>4015</v>
      </c>
      <c r="G378" s="5" t="s">
        <v>1037</v>
      </c>
      <c r="H378" s="6" t="s">
        <v>1038</v>
      </c>
      <c r="I378" s="8">
        <v>43768</v>
      </c>
    </row>
    <row r="379" spans="1:9" ht="24" x14ac:dyDescent="0.2">
      <c r="A379" s="4">
        <v>43556</v>
      </c>
      <c r="B379" s="5" t="s">
        <v>9</v>
      </c>
      <c r="C379" s="5" t="s">
        <v>1009</v>
      </c>
      <c r="D379" s="6" t="s">
        <v>1039</v>
      </c>
      <c r="E379" s="5" t="s">
        <v>1040</v>
      </c>
      <c r="F379" s="7">
        <v>40480</v>
      </c>
      <c r="G379" s="5" t="s">
        <v>1041</v>
      </c>
      <c r="H379" s="6" t="s">
        <v>1042</v>
      </c>
      <c r="I379" s="8">
        <v>43768</v>
      </c>
    </row>
    <row r="380" spans="1:9" ht="24" x14ac:dyDescent="0.2">
      <c r="A380" s="4">
        <v>43556</v>
      </c>
      <c r="B380" s="5" t="s">
        <v>9</v>
      </c>
      <c r="C380" s="5" t="s">
        <v>1009</v>
      </c>
      <c r="D380" s="6" t="s">
        <v>1043</v>
      </c>
      <c r="E380" s="5" t="s">
        <v>1044</v>
      </c>
      <c r="F380" s="7">
        <v>7150</v>
      </c>
      <c r="G380" s="5" t="s">
        <v>1022</v>
      </c>
      <c r="H380" s="6" t="s">
        <v>36</v>
      </c>
      <c r="I380" s="8">
        <v>43775</v>
      </c>
    </row>
    <row r="381" spans="1:9" ht="24" x14ac:dyDescent="0.2">
      <c r="A381" s="4">
        <v>43556</v>
      </c>
      <c r="B381" s="5" t="s">
        <v>9</v>
      </c>
      <c r="C381" s="5" t="s">
        <v>1009</v>
      </c>
      <c r="D381" s="6" t="s">
        <v>1045</v>
      </c>
      <c r="E381" s="5" t="s">
        <v>1046</v>
      </c>
      <c r="F381" s="7">
        <v>17248</v>
      </c>
      <c r="G381" s="5" t="s">
        <v>1047</v>
      </c>
      <c r="H381" s="6" t="s">
        <v>196</v>
      </c>
      <c r="I381" s="8">
        <v>43782</v>
      </c>
    </row>
    <row r="382" spans="1:9" ht="24" x14ac:dyDescent="0.2">
      <c r="A382" s="4">
        <v>43556</v>
      </c>
      <c r="B382" s="5" t="s">
        <v>9</v>
      </c>
      <c r="C382" s="5" t="s">
        <v>1009</v>
      </c>
      <c r="D382" s="6" t="s">
        <v>1048</v>
      </c>
      <c r="E382" s="5" t="s">
        <v>1049</v>
      </c>
      <c r="F382" s="7">
        <v>9058</v>
      </c>
      <c r="G382" s="5" t="s">
        <v>1016</v>
      </c>
      <c r="H382" s="6" t="s">
        <v>965</v>
      </c>
      <c r="I382" s="8">
        <v>43784</v>
      </c>
    </row>
    <row r="383" spans="1:9" ht="24" x14ac:dyDescent="0.2">
      <c r="A383" s="4">
        <v>43556</v>
      </c>
      <c r="B383" s="5" t="s">
        <v>9</v>
      </c>
      <c r="C383" s="5" t="s">
        <v>1009</v>
      </c>
      <c r="D383" s="6" t="s">
        <v>1050</v>
      </c>
      <c r="E383" s="5" t="s">
        <v>1051</v>
      </c>
      <c r="F383" s="7">
        <v>5671</v>
      </c>
      <c r="G383" s="5" t="s">
        <v>1052</v>
      </c>
      <c r="H383" s="6" t="s">
        <v>1053</v>
      </c>
      <c r="I383" s="8">
        <v>43784</v>
      </c>
    </row>
    <row r="384" spans="1:9" ht="24" x14ac:dyDescent="0.2">
      <c r="A384" s="4">
        <v>43556</v>
      </c>
      <c r="B384" s="5" t="s">
        <v>9</v>
      </c>
      <c r="C384" s="5" t="s">
        <v>1009</v>
      </c>
      <c r="D384" s="6" t="s">
        <v>1054</v>
      </c>
      <c r="E384" s="5" t="s">
        <v>1055</v>
      </c>
      <c r="F384" s="7">
        <v>356818</v>
      </c>
      <c r="G384" s="5" t="s">
        <v>256</v>
      </c>
      <c r="H384" s="6" t="s">
        <v>257</v>
      </c>
      <c r="I384" s="8">
        <v>43788</v>
      </c>
    </row>
    <row r="385" spans="1:9" ht="24" x14ac:dyDescent="0.2">
      <c r="A385" s="4">
        <v>43556</v>
      </c>
      <c r="B385" s="5" t="s">
        <v>9</v>
      </c>
      <c r="C385" s="5" t="s">
        <v>1009</v>
      </c>
      <c r="D385" s="6" t="s">
        <v>1056</v>
      </c>
      <c r="E385" s="5" t="s">
        <v>1057</v>
      </c>
      <c r="F385" s="7">
        <v>109725</v>
      </c>
      <c r="G385" s="5" t="s">
        <v>256</v>
      </c>
      <c r="H385" s="6" t="s">
        <v>257</v>
      </c>
      <c r="I385" s="8">
        <v>43788</v>
      </c>
    </row>
    <row r="386" spans="1:9" x14ac:dyDescent="0.2">
      <c r="A386" s="4">
        <v>43556</v>
      </c>
      <c r="B386" s="5" t="s">
        <v>9</v>
      </c>
      <c r="C386" s="5" t="s">
        <v>1009</v>
      </c>
      <c r="D386" s="6" t="s">
        <v>1058</v>
      </c>
      <c r="E386" s="5" t="s">
        <v>1059</v>
      </c>
      <c r="F386" s="7">
        <v>17600</v>
      </c>
      <c r="G386" s="5" t="s">
        <v>1060</v>
      </c>
      <c r="H386" s="6" t="s">
        <v>179</v>
      </c>
      <c r="I386" s="8">
        <v>43789</v>
      </c>
    </row>
    <row r="387" spans="1:9" ht="24" x14ac:dyDescent="0.2">
      <c r="A387" s="4">
        <v>43556</v>
      </c>
      <c r="B387" s="5" t="s">
        <v>9</v>
      </c>
      <c r="C387" s="5" t="s">
        <v>1009</v>
      </c>
      <c r="D387" s="6" t="s">
        <v>1061</v>
      </c>
      <c r="E387" s="5" t="s">
        <v>1062</v>
      </c>
      <c r="F387" s="7">
        <v>10114</v>
      </c>
      <c r="G387" s="5" t="s">
        <v>1063</v>
      </c>
      <c r="H387" s="6" t="s">
        <v>1064</v>
      </c>
      <c r="I387" s="8">
        <v>43791</v>
      </c>
    </row>
    <row r="388" spans="1:9" ht="24" x14ac:dyDescent="0.2">
      <c r="A388" s="4">
        <v>43556</v>
      </c>
      <c r="B388" s="5" t="s">
        <v>9</v>
      </c>
      <c r="C388" s="5" t="s">
        <v>1009</v>
      </c>
      <c r="D388" s="6" t="s">
        <v>1065</v>
      </c>
      <c r="E388" s="5" t="s">
        <v>1066</v>
      </c>
      <c r="F388" s="7">
        <v>6875</v>
      </c>
      <c r="G388" s="5" t="s">
        <v>201</v>
      </c>
      <c r="H388" s="6" t="s">
        <v>202</v>
      </c>
      <c r="I388" s="8">
        <v>43794</v>
      </c>
    </row>
    <row r="389" spans="1:9" ht="24" x14ac:dyDescent="0.2">
      <c r="A389" s="4">
        <v>43556</v>
      </c>
      <c r="B389" s="5" t="s">
        <v>9</v>
      </c>
      <c r="C389" s="5" t="s">
        <v>1009</v>
      </c>
      <c r="D389" s="6" t="s">
        <v>1067</v>
      </c>
      <c r="E389" s="5" t="s">
        <v>1068</v>
      </c>
      <c r="F389" s="7">
        <v>33027</v>
      </c>
      <c r="G389" s="5" t="s">
        <v>1016</v>
      </c>
      <c r="H389" s="6" t="s">
        <v>965</v>
      </c>
      <c r="I389" s="8">
        <v>43801</v>
      </c>
    </row>
    <row r="390" spans="1:9" ht="24" x14ac:dyDescent="0.2">
      <c r="A390" s="4">
        <v>43556</v>
      </c>
      <c r="B390" s="5" t="s">
        <v>9</v>
      </c>
      <c r="C390" s="5" t="s">
        <v>1009</v>
      </c>
      <c r="D390" s="6" t="s">
        <v>1069</v>
      </c>
      <c r="E390" s="5" t="s">
        <v>1070</v>
      </c>
      <c r="F390" s="7">
        <v>5329</v>
      </c>
      <c r="G390" s="5" t="s">
        <v>1052</v>
      </c>
      <c r="H390" s="6" t="s">
        <v>1053</v>
      </c>
      <c r="I390" s="8">
        <v>43803</v>
      </c>
    </row>
    <row r="391" spans="1:9" ht="24" x14ac:dyDescent="0.2">
      <c r="A391" s="4">
        <v>43556</v>
      </c>
      <c r="B391" s="5" t="s">
        <v>9</v>
      </c>
      <c r="C391" s="5" t="s">
        <v>1009</v>
      </c>
      <c r="D391" s="6" t="s">
        <v>1071</v>
      </c>
      <c r="E391" s="5" t="s">
        <v>1072</v>
      </c>
      <c r="F391" s="7">
        <v>23455</v>
      </c>
      <c r="G391" s="5" t="s">
        <v>504</v>
      </c>
      <c r="H391" s="6" t="s">
        <v>505</v>
      </c>
      <c r="I391" s="8">
        <v>43808</v>
      </c>
    </row>
    <row r="392" spans="1:9" ht="24" x14ac:dyDescent="0.2">
      <c r="A392" s="4">
        <v>43556</v>
      </c>
      <c r="B392" s="5" t="s">
        <v>9</v>
      </c>
      <c r="C392" s="5" t="s">
        <v>1009</v>
      </c>
      <c r="D392" s="6" t="s">
        <v>1073</v>
      </c>
      <c r="E392" s="5" t="s">
        <v>1055</v>
      </c>
      <c r="F392" s="7">
        <v>178409</v>
      </c>
      <c r="G392" s="5" t="s">
        <v>256</v>
      </c>
      <c r="H392" s="6" t="s">
        <v>257</v>
      </c>
      <c r="I392" s="8">
        <v>43809</v>
      </c>
    </row>
    <row r="393" spans="1:9" ht="24" x14ac:dyDescent="0.2">
      <c r="A393" s="4">
        <v>43556</v>
      </c>
      <c r="B393" s="5" t="s">
        <v>9</v>
      </c>
      <c r="C393" s="5" t="s">
        <v>1009</v>
      </c>
      <c r="D393" s="6" t="s">
        <v>1074</v>
      </c>
      <c r="E393" s="5" t="s">
        <v>1057</v>
      </c>
      <c r="F393" s="7">
        <v>109725</v>
      </c>
      <c r="G393" s="5" t="s">
        <v>256</v>
      </c>
      <c r="H393" s="6" t="s">
        <v>257</v>
      </c>
      <c r="I393" s="8">
        <v>43809</v>
      </c>
    </row>
    <row r="394" spans="1:9" x14ac:dyDescent="0.2">
      <c r="A394" s="4">
        <v>43556</v>
      </c>
      <c r="B394" s="5" t="s">
        <v>9</v>
      </c>
      <c r="C394" s="5" t="s">
        <v>1009</v>
      </c>
      <c r="D394" s="6" t="s">
        <v>1075</v>
      </c>
      <c r="E394" s="5" t="s">
        <v>544</v>
      </c>
      <c r="F394" s="7">
        <v>37400</v>
      </c>
      <c r="G394" s="5" t="s">
        <v>1019</v>
      </c>
      <c r="H394" s="6" t="s">
        <v>179</v>
      </c>
      <c r="I394" s="8">
        <v>43810</v>
      </c>
    </row>
    <row r="395" spans="1:9" ht="24" x14ac:dyDescent="0.2">
      <c r="A395" s="4">
        <v>43556</v>
      </c>
      <c r="B395" s="5" t="s">
        <v>9</v>
      </c>
      <c r="C395" s="5" t="s">
        <v>1009</v>
      </c>
      <c r="D395" s="6" t="s">
        <v>1076</v>
      </c>
      <c r="E395" s="5" t="s">
        <v>1062</v>
      </c>
      <c r="F395" s="7">
        <v>9013</v>
      </c>
      <c r="G395" s="5" t="s">
        <v>1063</v>
      </c>
      <c r="H395" s="6" t="s">
        <v>1064</v>
      </c>
      <c r="I395" s="8">
        <v>43819</v>
      </c>
    </row>
    <row r="396" spans="1:9" ht="24" x14ac:dyDescent="0.2">
      <c r="A396" s="4">
        <v>43556</v>
      </c>
      <c r="B396" s="5" t="s">
        <v>9</v>
      </c>
      <c r="C396" s="5" t="s">
        <v>1009</v>
      </c>
      <c r="D396" s="6" t="s">
        <v>1077</v>
      </c>
      <c r="E396" s="5" t="s">
        <v>1078</v>
      </c>
      <c r="F396" s="7">
        <v>11055</v>
      </c>
      <c r="G396" s="5" t="s">
        <v>1016</v>
      </c>
      <c r="H396" s="6" t="s">
        <v>965</v>
      </c>
      <c r="I396" s="8">
        <v>43819</v>
      </c>
    </row>
    <row r="397" spans="1:9" ht="24" x14ac:dyDescent="0.2">
      <c r="A397" s="4">
        <v>43556</v>
      </c>
      <c r="B397" s="5" t="s">
        <v>9</v>
      </c>
      <c r="C397" s="5" t="s">
        <v>1009</v>
      </c>
      <c r="D397" s="6" t="s">
        <v>1079</v>
      </c>
      <c r="E397" s="5" t="s">
        <v>1080</v>
      </c>
      <c r="F397" s="7">
        <v>11385</v>
      </c>
      <c r="G397" s="5" t="s">
        <v>504</v>
      </c>
      <c r="H397" s="6" t="s">
        <v>505</v>
      </c>
      <c r="I397" s="8">
        <v>43825</v>
      </c>
    </row>
    <row r="398" spans="1:9" x14ac:dyDescent="0.2">
      <c r="A398" s="4">
        <v>43556</v>
      </c>
      <c r="B398" s="5" t="s">
        <v>9</v>
      </c>
      <c r="C398" s="5" t="s">
        <v>1009</v>
      </c>
      <c r="D398" s="6" t="s">
        <v>1081</v>
      </c>
      <c r="E398" s="5" t="s">
        <v>1082</v>
      </c>
      <c r="F398" s="7">
        <v>13200</v>
      </c>
      <c r="G398" s="5" t="s">
        <v>1060</v>
      </c>
      <c r="H398" s="6" t="s">
        <v>179</v>
      </c>
      <c r="I398" s="8">
        <v>43825</v>
      </c>
    </row>
  </sheetData>
  <phoneticPr fontId="3"/>
  <pageMargins left="0.70866141732283472" right="0.70866141732283472" top="0.74803149606299213" bottom="0.74803149606299213" header="0.31496062992125984" footer="0.31496062992125984"/>
  <pageSetup paperSize="9" scale="82" fitToHeight="0" orientation="landscape" r:id="rId1"/>
  <headerFooter>
    <oddFooter>&amp;P / &amp;N ページ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公表用</vt:lpstr>
      <vt:lpstr>公表用!Print_Area</vt:lpstr>
      <vt:lpstr>公表用!Print_Titles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0-03-12T09:29:55Z</dcterms:created>
  <dcterms:modified xsi:type="dcterms:W3CDTF">2020-03-26T05:15:24Z</dcterms:modified>
</cp:coreProperties>
</file>